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showInkAnnotation="0" codeName="EstaPasta_de_trabalho" defaultThemeVersion="124226"/>
  <mc:AlternateContent xmlns:mc="http://schemas.openxmlformats.org/markup-compatibility/2006">
    <mc:Choice Requires="x15">
      <x15ac:absPath xmlns:x15ac="http://schemas.microsoft.com/office/spreadsheetml/2010/11/ac" url="\\s078\BLOCO II\CONTABILIDADE\IG - INFORMAÇÕES GERENCIAIS\Documentos - Informações Gerenciais\2016\Lei de Responsabilidade Fiscal\Arquivos para publicação\4º Bim 2016\"/>
    </mc:Choice>
  </mc:AlternateContent>
  <bookViews>
    <workbookView xWindow="-120" yWindow="-180" windowWidth="20610" windowHeight="7635" tabRatio="939" firstSheet="8" activeTab="13"/>
  </bookViews>
  <sheets>
    <sheet name="Anexo 1 - Balanço Orçamentário" sheetId="1" r:id="rId1"/>
    <sheet name="Anexo 1.1 Balanço Orç Intra " sheetId="2" r:id="rId2"/>
    <sheet name="Anexo 2 - Função" sheetId="3" r:id="rId3"/>
    <sheet name="Anexo 2.1 - Função - Intra" sheetId="4" r:id="rId4"/>
    <sheet name="Anexo 3 - RCL Estados" sheetId="5" r:id="rId5"/>
    <sheet name="Anexo 4 - RPPS Financeiro FR 40" sheetId="6" r:id="rId6"/>
    <sheet name="Anexo 4 - RPPS Previdenciário47" sheetId="7" r:id="rId7"/>
    <sheet name="Anexo 5 - Resultado Nominal" sheetId="8" r:id="rId8"/>
    <sheet name="Anexo 6 - Primário Estados" sheetId="9" r:id="rId9"/>
    <sheet name="Anexo 7 - RP Poder e Órgão" sheetId="10" r:id="rId10"/>
    <sheet name="Anexo 8 - MDE - Estados" sheetId="11" r:id="rId11"/>
    <sheet name="Anexo 12 - Saúde (Estados)" sheetId="12" r:id="rId12"/>
    <sheet name="Anexo 13 - Despesas PPP" sheetId="13" r:id="rId13"/>
    <sheet name="Anexo 14 - Simplificado" sheetId="14" r:id="rId14"/>
  </sheets>
  <definedNames>
    <definedName name="_xlnm.Print_Area" localSheetId="0">'Anexo 1 - Balanço Orçamentário'!$A$2:$L$137</definedName>
    <definedName name="_xlnm.Print_Area" localSheetId="11">'Anexo 12 - Saúde (Estados)'!$A$1:$H$133</definedName>
    <definedName name="_xlnm.Print_Area" localSheetId="12">'Anexo 13 - Despesas PPP'!$A$1:$L$56</definedName>
    <definedName name="_xlnm.Print_Area" localSheetId="13">'Anexo 14 - Simplificado'!$A$1:$E$111</definedName>
    <definedName name="_xlnm.Print_Area" localSheetId="2">'Anexo 2 - Função'!$A$3:$L$202</definedName>
    <definedName name="_xlnm.Print_Area" localSheetId="4">'Anexo 3 - RCL Estados'!$A$1:$H$84</definedName>
    <definedName name="_xlnm.Print_Area" localSheetId="5">'Anexo 4 - RPPS Financeiro FR 40'!$A$1:$I$134</definedName>
    <definedName name="_xlnm.Print_Area" localSheetId="6">'Anexo 4 - RPPS Previdenciário47'!$A$1:$I$134</definedName>
    <definedName name="_xlnm.Print_Area" localSheetId="7">'Anexo 5 - Resultado Nominal'!$A$1:$G$59</definedName>
    <definedName name="_xlnm.Print_Area" localSheetId="8">'Anexo 6 - Primário Estados'!$A$1:$H$86</definedName>
    <definedName name="_xlnm.Print_Area" localSheetId="9">'Anexo 7 - RP Poder e Órgão'!$A$1:$G$102</definedName>
    <definedName name="_xlnm.Print_Area" localSheetId="10">'Anexo 8 - MDE - Estados'!$A$1:$H$195</definedName>
    <definedName name="Cancela" localSheetId="5">#REF!,#REF!</definedName>
    <definedName name="Cancela">#REF!,#REF!</definedName>
    <definedName name="fdsafs" localSheetId="5">#REF!,#REF!</definedName>
    <definedName name="fdsafs">#REF!,#REF!</definedName>
    <definedName name="fdsf" localSheetId="5">#REF!</definedName>
    <definedName name="fdsf">#REF!</definedName>
    <definedName name="Ganhos_e_perdas_de_receita" localSheetId="8">#REF!</definedName>
    <definedName name="Ganhos_e_Perdas_de_Receita_99" localSheetId="8">#REF!</definedName>
    <definedName name="HTML_CodePage" hidden="1">1252</definedName>
    <definedName name="HTML_Description" hidden="1">""</definedName>
    <definedName name="HTML_Email" hidden="1">""</definedName>
    <definedName name="HTML_Header" hidden="1">"Tabela"</definedName>
    <definedName name="HTML_LastUpdate" hidden="1">"16/03/98"</definedName>
    <definedName name="HTML_LineAfter" hidden="1">FALSE</definedName>
    <definedName name="HTML_LineBefore" hidden="1">FALSE</definedName>
    <definedName name="HTML_Name" hidden="1">"Rede Integrada"</definedName>
    <definedName name="HTML_OBDlg2" hidden="1">TRUE</definedName>
    <definedName name="HTML_OBDlg4" hidden="1">TRUE</definedName>
    <definedName name="HTML_OS" hidden="1">0</definedName>
    <definedName name="HTML_PathFile" hidden="1">"C:\internetemp\balpep1.htm"</definedName>
    <definedName name="HTML_Title" hidden="1">"Balpep11"</definedName>
    <definedName name="Plan">#REF!</definedName>
    <definedName name="Planilha">#REF!</definedName>
    <definedName name="Planilha_1">#REF!,#REF!</definedName>
    <definedName name="Planilha_1ÁreaTotal" localSheetId="11">#REF!,#REF!</definedName>
    <definedName name="Planilha_1ÁreaTotal" localSheetId="5">#REF!,#REF!</definedName>
    <definedName name="Planilha_1ÁreaTotal" localSheetId="6">#REF!,#REF!</definedName>
    <definedName name="Planilha_1ÁreaTotal" localSheetId="7">#REF!,#REF!</definedName>
    <definedName name="Planilha_1ÁreaTotal" localSheetId="8">#REF!,#REF!</definedName>
    <definedName name="Planilha_1ÁreaTotal" localSheetId="9">'Anexo 7 - RP Poder e Órgão'!#REF!,'Anexo 7 - RP Poder e Órgão'!$C$11:$G$48</definedName>
    <definedName name="Planilha_1ÁreaTotal" localSheetId="10">#REF!,#REF!</definedName>
    <definedName name="Planilha_1ÁreaTotal">#REF!,#REF!</definedName>
    <definedName name="Planilha_1CabGráfico" localSheetId="11">#REF!</definedName>
    <definedName name="Planilha_1CabGráfico" localSheetId="5">#REF!</definedName>
    <definedName name="Planilha_1CabGráfico" localSheetId="6">#REF!</definedName>
    <definedName name="Planilha_1CabGráfico" localSheetId="7">#REF!</definedName>
    <definedName name="Planilha_1CabGráfico" localSheetId="8">#REF!</definedName>
    <definedName name="Planilha_1CabGráfico" localSheetId="9">'Anexo 7 - RP Poder e Órgão'!#REF!</definedName>
    <definedName name="Planilha_1CabGráfico" localSheetId="10">#REF!</definedName>
    <definedName name="Planilha_1CabGráfico">#REF!</definedName>
    <definedName name="Planilha_1TítCols" localSheetId="11">#REF!,#REF!</definedName>
    <definedName name="Planilha_1TítCols" localSheetId="5">#REF!,#REF!</definedName>
    <definedName name="Planilha_1TítCols" localSheetId="6">#REF!,#REF!</definedName>
    <definedName name="Planilha_1TítCols" localSheetId="7">#REF!,#REF!</definedName>
    <definedName name="Planilha_1TítCols" localSheetId="8">#REF!,#REF!</definedName>
    <definedName name="Planilha_1TítCols" localSheetId="9">'Anexo 7 - RP Poder e Órgão'!#REF!,'Anexo 7 - RP Poder e Órgão'!#REF!</definedName>
    <definedName name="Planilha_1TítCols" localSheetId="10">#REF!,#REF!</definedName>
    <definedName name="Planilha_1TítCols">#REF!,#REF!</definedName>
    <definedName name="Planilha_1TítLins" localSheetId="11">#REF!</definedName>
    <definedName name="Planilha_1TítLins" localSheetId="5">#REF!</definedName>
    <definedName name="Planilha_1TítLins" localSheetId="6">#REF!</definedName>
    <definedName name="Planilha_1TítLins" localSheetId="7">#REF!</definedName>
    <definedName name="Planilha_1TítLins" localSheetId="8">#REF!</definedName>
    <definedName name="Planilha_1TítLins" localSheetId="9">'Anexo 7 - RP Poder e Órgão'!#REF!</definedName>
    <definedName name="Planilha_1TítLins" localSheetId="10">#REF!</definedName>
    <definedName name="Planilha_1TítLins">#REF!</definedName>
    <definedName name="Planilha_2ÁreaTotal" localSheetId="11">#REF!,#REF!</definedName>
    <definedName name="Planilha_2ÁreaTotal" localSheetId="5">#REF!,#REF!</definedName>
    <definedName name="Planilha_2ÁreaTotal" localSheetId="7">#REF!,#REF!</definedName>
    <definedName name="Planilha_2ÁreaTotal" localSheetId="8">#REF!,#REF!</definedName>
    <definedName name="Planilha_2ÁreaTotal" localSheetId="9">#REF!,#REF!</definedName>
    <definedName name="Planilha_2ÁreaTotal" localSheetId="10">#REF!,#REF!</definedName>
    <definedName name="Planilha_2ÁreaTotal">#REF!,#REF!</definedName>
    <definedName name="Planilha_2CabGráfico" localSheetId="11">#REF!</definedName>
    <definedName name="Planilha_2CabGráfico" localSheetId="5">#REF!</definedName>
    <definedName name="Planilha_2CabGráfico" localSheetId="7">#REF!</definedName>
    <definedName name="Planilha_2CabGráfico" localSheetId="8">#REF!</definedName>
    <definedName name="Planilha_2CabGráfico" localSheetId="9">#REF!</definedName>
    <definedName name="Planilha_2CabGráfico" localSheetId="10">#REF!</definedName>
    <definedName name="Planilha_2CabGráfico">#REF!</definedName>
    <definedName name="Planilha_2TítCols" localSheetId="11">#REF!,#REF!</definedName>
    <definedName name="Planilha_2TítCols" localSheetId="5">#REF!,#REF!</definedName>
    <definedName name="Planilha_2TítCols" localSheetId="7">#REF!,#REF!</definedName>
    <definedName name="Planilha_2TítCols" localSheetId="8">#REF!,#REF!</definedName>
    <definedName name="Planilha_2TítCols" localSheetId="9">#REF!,#REF!</definedName>
    <definedName name="Planilha_2TítCols" localSheetId="10">#REF!,#REF!</definedName>
    <definedName name="Planilha_2TítCols">#REF!,#REF!</definedName>
    <definedName name="Planilha_2TítLins" localSheetId="11">#REF!</definedName>
    <definedName name="Planilha_2TítLins" localSheetId="5">#REF!</definedName>
    <definedName name="Planilha_2TítLins" localSheetId="7">#REF!</definedName>
    <definedName name="Planilha_2TítLins" localSheetId="8">#REF!</definedName>
    <definedName name="Planilha_2TítLins" localSheetId="9">#REF!</definedName>
    <definedName name="Planilha_2TítLins" localSheetId="10">#REF!</definedName>
    <definedName name="Planilha_2TítLins">#REF!</definedName>
    <definedName name="Planilha_3ÁreaTotal" localSheetId="11">#REF!,#REF!</definedName>
    <definedName name="Planilha_3ÁreaTotal" localSheetId="5">#REF!,#REF!</definedName>
    <definedName name="Planilha_3ÁreaTotal" localSheetId="7">#REF!,#REF!</definedName>
    <definedName name="Planilha_3ÁreaTotal" localSheetId="8">#REF!,#REF!</definedName>
    <definedName name="Planilha_3ÁreaTotal" localSheetId="9">#REF!,#REF!</definedName>
    <definedName name="Planilha_3ÁreaTotal" localSheetId="10">#REF!,#REF!</definedName>
    <definedName name="Planilha_3ÁreaTotal">#REF!,#REF!</definedName>
    <definedName name="Planilha_3CabGráfico" localSheetId="11">#REF!</definedName>
    <definedName name="Planilha_3CabGráfico" localSheetId="5">#REF!</definedName>
    <definedName name="Planilha_3CabGráfico" localSheetId="7">#REF!</definedName>
    <definedName name="Planilha_3CabGráfico" localSheetId="8">#REF!</definedName>
    <definedName name="Planilha_3CabGráfico" localSheetId="9">#REF!</definedName>
    <definedName name="Planilha_3CabGráfico" localSheetId="10">#REF!</definedName>
    <definedName name="Planilha_3CabGráfico">#REF!</definedName>
    <definedName name="Planilha_3TítCols" localSheetId="11">#REF!,#REF!</definedName>
    <definedName name="Planilha_3TítCols" localSheetId="5">#REF!,#REF!</definedName>
    <definedName name="Planilha_3TítCols" localSheetId="7">#REF!,#REF!</definedName>
    <definedName name="Planilha_3TítCols" localSheetId="8">#REF!,#REF!</definedName>
    <definedName name="Planilha_3TítCols" localSheetId="9">#REF!,#REF!</definedName>
    <definedName name="Planilha_3TítCols" localSheetId="10">#REF!,#REF!</definedName>
    <definedName name="Planilha_3TítCols">#REF!,#REF!</definedName>
    <definedName name="Planilha_3TítLins" localSheetId="11">#REF!</definedName>
    <definedName name="Planilha_3TítLins" localSheetId="5">#REF!</definedName>
    <definedName name="Planilha_3TítLins" localSheetId="7">#REF!</definedName>
    <definedName name="Planilha_3TítLins" localSheetId="8">#REF!</definedName>
    <definedName name="Planilha_3TítLins" localSheetId="9">#REF!</definedName>
    <definedName name="Planilha_3TítLins" localSheetId="10">#REF!</definedName>
    <definedName name="Planilha_3TítLins">#REF!</definedName>
    <definedName name="Planilha_4ÁreaTotal" localSheetId="11">#REF!,#REF!</definedName>
    <definedName name="Planilha_4ÁreaTotal" localSheetId="5">#REF!,#REF!</definedName>
    <definedName name="Planilha_4ÁreaTotal" localSheetId="7">#REF!,#REF!</definedName>
    <definedName name="Planilha_4ÁreaTotal" localSheetId="8">#REF!,#REF!</definedName>
    <definedName name="Planilha_4ÁreaTotal" localSheetId="9">#REF!,#REF!</definedName>
    <definedName name="Planilha_4ÁreaTotal" localSheetId="10">#REF!,#REF!</definedName>
    <definedName name="Planilha_4ÁreaTotal">#REF!,#REF!</definedName>
    <definedName name="Planilha_4TítCols" localSheetId="11">#REF!,#REF!</definedName>
    <definedName name="Planilha_4TítCols" localSheetId="5">#REF!,#REF!</definedName>
    <definedName name="Planilha_4TítCols" localSheetId="7">#REF!,#REF!</definedName>
    <definedName name="Planilha_4TítCols" localSheetId="8">#REF!,#REF!</definedName>
    <definedName name="Planilha_4TítCols" localSheetId="9">#REF!,#REF!</definedName>
    <definedName name="Planilha_4TítCols" localSheetId="10">#REF!,#REF!</definedName>
    <definedName name="Planilha_4TítCols">#REF!,#REF!</definedName>
    <definedName name="Planilha_Educação" localSheetId="5">#REF!,#REF!</definedName>
    <definedName name="Planilha_Educação">#REF!,#REF!</definedName>
    <definedName name="Planilha1">#REF!,#REF!</definedName>
    <definedName name="Planilhas">#REF!</definedName>
    <definedName name="rgps">#REF!</definedName>
    <definedName name="RGPS1">#REF!</definedName>
    <definedName name="RGPS2">#REF!,#REF!</definedName>
    <definedName name="Tabela_1___Déficit_da_Previdência_Social__RGPS" localSheetId="8">#REF!</definedName>
    <definedName name="Tabela_10___Resultado_Primário_do_Governo_Central_em_1999" localSheetId="8">#REF!</definedName>
    <definedName name="Tabela_2___Contribuições_Previdenciárias" localSheetId="8">#REF!</definedName>
    <definedName name="Tabela_3___Benefícios__previsto_x_realizado" localSheetId="8">#REF!</definedName>
    <definedName name="Tabela_4___Receitas_Administradas_pela_SRF__previsto_x_realizado" localSheetId="8">#REF!</definedName>
    <definedName name="Tabela_5___Receitas_Administradas_em_Agosto" localSheetId="8">#REF!</definedName>
    <definedName name="Tabela_6___Receitas_Diretamente_Arrecadadas" localSheetId="8">#REF!</definedName>
    <definedName name="Tabela_7___Déficit_da_Previdência_Social_em_1999" localSheetId="8">#REF!</definedName>
    <definedName name="Tabela_8___Receitas_Administradas__revisão_da_previsão" localSheetId="8">#REF!</definedName>
    <definedName name="Tabela_9___Resultado_Primário_de_1999" localSheetId="8">#REF!</definedName>
    <definedName name="xxx">#REF!,#REF!</definedName>
    <definedName name="Z_09DEEE52_8A8D_4F12_80E3_55185B30DF10_.wvu.PrintArea" localSheetId="0" hidden="1">'Anexo 1 - Balanço Orçamentário'!$A$2:$L$137</definedName>
    <definedName name="Z_09DEEE52_8A8D_4F12_80E3_55185B30DF10_.wvu.PrintArea" localSheetId="11" hidden="1">'Anexo 12 - Saúde (Estados)'!$A$1:$H$133</definedName>
    <definedName name="Z_09DEEE52_8A8D_4F12_80E3_55185B30DF10_.wvu.PrintArea" localSheetId="12" hidden="1">'Anexo 13 - Despesas PPP'!$A$1:$L$56</definedName>
    <definedName name="Z_09DEEE52_8A8D_4F12_80E3_55185B30DF10_.wvu.PrintArea" localSheetId="13" hidden="1">'Anexo 14 - Simplificado'!$A$1:$E$111</definedName>
    <definedName name="Z_09DEEE52_8A8D_4F12_80E3_55185B30DF10_.wvu.PrintArea" localSheetId="2" hidden="1">'Anexo 2 - Função'!$A$3:$L$202</definedName>
    <definedName name="Z_09DEEE52_8A8D_4F12_80E3_55185B30DF10_.wvu.PrintArea" localSheetId="4" hidden="1">'Anexo 3 - RCL Estados'!$A$1:$H$84</definedName>
    <definedName name="Z_09DEEE52_8A8D_4F12_80E3_55185B30DF10_.wvu.PrintArea" localSheetId="6" hidden="1">'Anexo 4 - RPPS Previdenciário47'!$A$1:$I$134</definedName>
    <definedName name="Z_09DEEE52_8A8D_4F12_80E3_55185B30DF10_.wvu.PrintArea" localSheetId="7" hidden="1">'Anexo 5 - Resultado Nominal'!$A$1:$G$59</definedName>
    <definedName name="Z_09DEEE52_8A8D_4F12_80E3_55185B30DF10_.wvu.PrintArea" localSheetId="8" hidden="1">'Anexo 6 - Primário Estados'!$A$1:$H$86</definedName>
    <definedName name="Z_09DEEE52_8A8D_4F12_80E3_55185B30DF10_.wvu.PrintArea" localSheetId="9" hidden="1">'Anexo 7 - RP Poder e Órgão'!$A$1:$G$102</definedName>
    <definedName name="Z_09DEEE52_8A8D_4F12_80E3_55185B30DF10_.wvu.PrintArea" localSheetId="10" hidden="1">'Anexo 8 - MDE - Estados'!$A$1:$H$195</definedName>
    <definedName name="Z_09DEEE52_8A8D_4F12_80E3_55185B30DF10_.wvu.Rows" localSheetId="0" hidden="1">'Anexo 1 - Balanço Orçamentário'!$77:$82,'Anexo 1 - Balanço Orçamentário'!$111:$116</definedName>
    <definedName name="Z_15F968AB_9DD6_4E60_9FDC_FEF44C5FFDCB_.wvu.Cols" localSheetId="8" hidden="1">'Anexo 6 - Primário Estados'!$H:$H</definedName>
    <definedName name="Z_15F968AB_9DD6_4E60_9FDC_FEF44C5FFDCB_.wvu.PrintArea" localSheetId="0" hidden="1">'Anexo 1 - Balanço Orçamentário'!$A$2:$L$133</definedName>
    <definedName name="Z_15F968AB_9DD6_4E60_9FDC_FEF44C5FFDCB_.wvu.PrintArea" localSheetId="11" hidden="1">'Anexo 12 - Saúde (Estados)'!$A$1:$H$126</definedName>
    <definedName name="Z_15F968AB_9DD6_4E60_9FDC_FEF44C5FFDCB_.wvu.PrintArea" localSheetId="12" hidden="1">'Anexo 13 - Despesas PPP'!$A$1:$L$48</definedName>
    <definedName name="Z_15F968AB_9DD6_4E60_9FDC_FEF44C5FFDCB_.wvu.PrintArea" localSheetId="13" hidden="1">'Anexo 14 - Simplificado'!$A$1:$E$97</definedName>
    <definedName name="Z_15F968AB_9DD6_4E60_9FDC_FEF44C5FFDCB_.wvu.PrintArea" localSheetId="2" hidden="1">'Anexo 2 - Função'!$A$1:$L$191</definedName>
    <definedName name="Z_15F968AB_9DD6_4E60_9FDC_FEF44C5FFDCB_.wvu.PrintArea" localSheetId="3" hidden="1">'Anexo 2.1 - Função - Intra'!$A$1:$L$103</definedName>
    <definedName name="Z_15F968AB_9DD6_4E60_9FDC_FEF44C5FFDCB_.wvu.PrintArea" localSheetId="4" hidden="1">'Anexo 3 - RCL Estados'!$A$1:$H$74</definedName>
    <definedName name="Z_15F968AB_9DD6_4E60_9FDC_FEF44C5FFDCB_.wvu.PrintArea" localSheetId="6" hidden="1">'Anexo 4 - RPPS Previdenciário47'!$A$1:$I$136</definedName>
    <definedName name="Z_15F968AB_9DD6_4E60_9FDC_FEF44C5FFDCB_.wvu.PrintArea" localSheetId="7" hidden="1">'Anexo 5 - Resultado Nominal'!$A$1:$G$49</definedName>
    <definedName name="Z_15F968AB_9DD6_4E60_9FDC_FEF44C5FFDCB_.wvu.PrintArea" localSheetId="8" hidden="1">'Anexo 6 - Primário Estados'!$A$1:$H$75</definedName>
    <definedName name="Z_15F968AB_9DD6_4E60_9FDC_FEF44C5FFDCB_.wvu.PrintArea" localSheetId="9" hidden="1">'Anexo 7 - RP Poder e Órgão'!$A$1:$G$89</definedName>
    <definedName name="Z_25EF1E0D_169B_4051_B414_7E1196FC05E4_.wvu.PrintArea" localSheetId="0" hidden="1">'Anexo 1 - Balanço Orçamentário'!$A$2:$L$137</definedName>
    <definedName name="Z_25EF1E0D_169B_4051_B414_7E1196FC05E4_.wvu.PrintArea" localSheetId="11" hidden="1">'Anexo 12 - Saúde (Estados)'!$A$1:$H$133</definedName>
    <definedName name="Z_25EF1E0D_169B_4051_B414_7E1196FC05E4_.wvu.PrintArea" localSheetId="12" hidden="1">'Anexo 13 - Despesas PPP'!$A$1:$L$56</definedName>
    <definedName name="Z_25EF1E0D_169B_4051_B414_7E1196FC05E4_.wvu.PrintArea" localSheetId="13" hidden="1">'Anexo 14 - Simplificado'!$A$1:$E$111</definedName>
    <definedName name="Z_25EF1E0D_169B_4051_B414_7E1196FC05E4_.wvu.PrintArea" localSheetId="2" hidden="1">'Anexo 2 - Função'!$A$3:$L$202</definedName>
    <definedName name="Z_25EF1E0D_169B_4051_B414_7E1196FC05E4_.wvu.PrintArea" localSheetId="4" hidden="1">'Anexo 3 - RCL Estados'!$A$1:$H$84</definedName>
    <definedName name="Z_25EF1E0D_169B_4051_B414_7E1196FC05E4_.wvu.PrintArea" localSheetId="6" hidden="1">'Anexo 4 - RPPS Previdenciário47'!$A$1:$I$134</definedName>
    <definedName name="Z_25EF1E0D_169B_4051_B414_7E1196FC05E4_.wvu.PrintArea" localSheetId="7" hidden="1">'Anexo 5 - Resultado Nominal'!$A$1:$G$59</definedName>
    <definedName name="Z_25EF1E0D_169B_4051_B414_7E1196FC05E4_.wvu.PrintArea" localSheetId="8" hidden="1">'Anexo 6 - Primário Estados'!$A$1:$H$86</definedName>
    <definedName name="Z_25EF1E0D_169B_4051_B414_7E1196FC05E4_.wvu.PrintArea" localSheetId="9" hidden="1">'Anexo 7 - RP Poder e Órgão'!$A$1:$G$102</definedName>
    <definedName name="Z_25EF1E0D_169B_4051_B414_7E1196FC05E4_.wvu.PrintArea" localSheetId="10" hidden="1">'Anexo 8 - MDE - Estados'!$A$1:$H$195</definedName>
    <definedName name="Z_25EF1E0D_169B_4051_B414_7E1196FC05E4_.wvu.Rows" localSheetId="0" hidden="1">'Anexo 1 - Balanço Orçamentário'!$77:$82,'Anexo 1 - Balanço Orçamentário'!$111:$116</definedName>
    <definedName name="Z_3AAF6A5F_F9AA_430B_9AD9_1261ECDF41B5_.wvu.PrintArea" localSheetId="0" hidden="1">'Anexo 1 - Balanço Orçamentário'!$A$1:$L$132</definedName>
    <definedName name="Z_3AAF6A5F_F9AA_430B_9AD9_1261ECDF41B5_.wvu.PrintArea" localSheetId="1" hidden="1">'Anexo 1.1 Balanço Orç Intra '!$A$1:$L$104</definedName>
    <definedName name="Z_3AAF6A5F_F9AA_430B_9AD9_1261ECDF41B5_.wvu.PrintArea" localSheetId="11" hidden="1">'Anexo 12 - Saúde (Estados)'!$A$1:$H$134</definedName>
    <definedName name="Z_3AAF6A5F_F9AA_430B_9AD9_1261ECDF41B5_.wvu.PrintArea" localSheetId="12" hidden="1">'Anexo 13 - Despesas PPP'!$A$1:$L$58</definedName>
    <definedName name="Z_3AAF6A5F_F9AA_430B_9AD9_1261ECDF41B5_.wvu.PrintArea" localSheetId="13" hidden="1">'Anexo 14 - Simplificado'!$A$1:$E$111</definedName>
    <definedName name="Z_3AAF6A5F_F9AA_430B_9AD9_1261ECDF41B5_.wvu.PrintArea" localSheetId="2" hidden="1">'Anexo 2 - Função'!$A$1:$L$201</definedName>
    <definedName name="Z_3AAF6A5F_F9AA_430B_9AD9_1261ECDF41B5_.wvu.PrintArea" localSheetId="3" hidden="1">'Anexo 2.1 - Função - Intra'!$A$1:$L$113</definedName>
    <definedName name="Z_3AAF6A5F_F9AA_430B_9AD9_1261ECDF41B5_.wvu.PrintArea" localSheetId="4" hidden="1">'Anexo 3 - RCL Estados'!$A$1:$H$84</definedName>
    <definedName name="Z_3AAF6A5F_F9AA_430B_9AD9_1261ECDF41B5_.wvu.PrintArea" localSheetId="5" hidden="1">'Anexo 4 - RPPS Financeiro FR 40'!$A$1:$I$135</definedName>
    <definedName name="Z_3AAF6A5F_F9AA_430B_9AD9_1261ECDF41B5_.wvu.PrintArea" localSheetId="6" hidden="1">'Anexo 4 - RPPS Previdenciário47'!$A$1:$I$135</definedName>
    <definedName name="Z_3AAF6A5F_F9AA_430B_9AD9_1261ECDF41B5_.wvu.PrintArea" localSheetId="7" hidden="1">'Anexo 5 - Resultado Nominal'!$A$1:$G$59</definedName>
    <definedName name="Z_3AAF6A5F_F9AA_430B_9AD9_1261ECDF41B5_.wvu.PrintArea" localSheetId="8" hidden="1">'Anexo 6 - Primário Estados'!$A$1:$H$87</definedName>
    <definedName name="Z_3AAF6A5F_F9AA_430B_9AD9_1261ECDF41B5_.wvu.PrintArea" localSheetId="9" hidden="1">'Anexo 7 - RP Poder e Órgão'!$A$1:$G$101</definedName>
    <definedName name="Z_3AAF6A5F_F9AA_430B_9AD9_1261ECDF41B5_.wvu.PrintArea" localSheetId="10" hidden="1">'Anexo 8 - MDE - Estados'!$A$1:$H$196</definedName>
    <definedName name="Z_6DBFA32C_4AA4_4E1D_9A48_697377C64CC3_.wvu.PrintArea" localSheetId="0" hidden="1">'Anexo 1 - Balanço Orçamentário'!$A$1:$L$132</definedName>
    <definedName name="Z_6DBFA32C_4AA4_4E1D_9A48_697377C64CC3_.wvu.PrintArea" localSheetId="1" hidden="1">'Anexo 1.1 Balanço Orç Intra '!$A$1:$L$104</definedName>
    <definedName name="Z_6DBFA32C_4AA4_4E1D_9A48_697377C64CC3_.wvu.PrintArea" localSheetId="11" hidden="1">'Anexo 12 - Saúde (Estados)'!$A$1:$H$134</definedName>
    <definedName name="Z_6DBFA32C_4AA4_4E1D_9A48_697377C64CC3_.wvu.PrintArea" localSheetId="12" hidden="1">'Anexo 13 - Despesas PPP'!$A$1:$L$58</definedName>
    <definedName name="Z_6DBFA32C_4AA4_4E1D_9A48_697377C64CC3_.wvu.PrintArea" localSheetId="13" hidden="1">'Anexo 14 - Simplificado'!$A$1:$E$111</definedName>
    <definedName name="Z_6DBFA32C_4AA4_4E1D_9A48_697377C64CC3_.wvu.PrintArea" localSheetId="2" hidden="1">'Anexo 2 - Função'!$A$1:$L$201</definedName>
    <definedName name="Z_6DBFA32C_4AA4_4E1D_9A48_697377C64CC3_.wvu.PrintArea" localSheetId="3" hidden="1">'Anexo 2.1 - Função - Intra'!$A$1:$L$113</definedName>
    <definedName name="Z_6DBFA32C_4AA4_4E1D_9A48_697377C64CC3_.wvu.PrintArea" localSheetId="4" hidden="1">'Anexo 3 - RCL Estados'!$A$1:$H$84</definedName>
    <definedName name="Z_6DBFA32C_4AA4_4E1D_9A48_697377C64CC3_.wvu.PrintArea" localSheetId="5" hidden="1">'Anexo 4 - RPPS Financeiro FR 40'!$A$1:$I$135</definedName>
    <definedName name="Z_6DBFA32C_4AA4_4E1D_9A48_697377C64CC3_.wvu.PrintArea" localSheetId="6" hidden="1">'Anexo 4 - RPPS Previdenciário47'!$A$1:$I$135</definedName>
    <definedName name="Z_6DBFA32C_4AA4_4E1D_9A48_697377C64CC3_.wvu.PrintArea" localSheetId="7" hidden="1">'Anexo 5 - Resultado Nominal'!$A$1:$G$59</definedName>
    <definedName name="Z_6DBFA32C_4AA4_4E1D_9A48_697377C64CC3_.wvu.PrintArea" localSheetId="8" hidden="1">'Anexo 6 - Primário Estados'!$A$1:$H$87</definedName>
    <definedName name="Z_6DBFA32C_4AA4_4E1D_9A48_697377C64CC3_.wvu.PrintArea" localSheetId="9" hidden="1">'Anexo 7 - RP Poder e Órgão'!$A$1:$G$101</definedName>
    <definedName name="Z_6DBFA32C_4AA4_4E1D_9A48_697377C64CC3_.wvu.PrintArea" localSheetId="10" hidden="1">'Anexo 8 - MDE - Estados'!$A$1:$H$196</definedName>
    <definedName name="Z_82EDB5A4_4824_4632_A540_7A52C92F04C7_.wvu.PrintArea" localSheetId="0" hidden="1">'Anexo 1 - Balanço Orçamentário'!$A$2:$L$137</definedName>
    <definedName name="Z_82EDB5A4_4824_4632_A540_7A52C92F04C7_.wvu.PrintArea" localSheetId="11" hidden="1">'Anexo 12 - Saúde (Estados)'!$A$2:$H$132</definedName>
    <definedName name="Z_82EDB5A4_4824_4632_A540_7A52C92F04C7_.wvu.PrintArea" localSheetId="12" hidden="1">'Anexo 13 - Despesas PPP'!$A$1:$L$56</definedName>
    <definedName name="Z_82EDB5A4_4824_4632_A540_7A52C92F04C7_.wvu.PrintArea" localSheetId="13" hidden="1">'Anexo 14 - Simplificado'!$A$1:$E$111</definedName>
    <definedName name="Z_82EDB5A4_4824_4632_A540_7A52C92F04C7_.wvu.PrintArea" localSheetId="2" hidden="1">'Anexo 2 - Função'!$A$3:$L$202</definedName>
    <definedName name="Z_82EDB5A4_4824_4632_A540_7A52C92F04C7_.wvu.PrintArea" localSheetId="4" hidden="1">'Anexo 3 - RCL Estados'!$A$1:$H$84</definedName>
    <definedName name="Z_82EDB5A4_4824_4632_A540_7A52C92F04C7_.wvu.PrintArea" localSheetId="6" hidden="1">'Anexo 4 - RPPS Previdenciário47'!$A$1:$I$134</definedName>
    <definedName name="Z_82EDB5A4_4824_4632_A540_7A52C92F04C7_.wvu.PrintArea" localSheetId="7" hidden="1">'Anexo 5 - Resultado Nominal'!$A$1:$G$59</definedName>
    <definedName name="Z_82EDB5A4_4824_4632_A540_7A52C92F04C7_.wvu.PrintArea" localSheetId="8" hidden="1">'Anexo 6 - Primário Estados'!$A$1:$H$87</definedName>
    <definedName name="Z_82EDB5A4_4824_4632_A540_7A52C92F04C7_.wvu.PrintArea" localSheetId="9" hidden="1">'Anexo 7 - RP Poder e Órgão'!$A$1:$G$102</definedName>
    <definedName name="Z_82EDB5A4_4824_4632_A540_7A52C92F04C7_.wvu.PrintArea" localSheetId="10" hidden="1">'Anexo 8 - MDE - Estados'!$A$1:$H$197</definedName>
    <definedName name="Z_82EDB5A4_4824_4632_A540_7A52C92F04C7_.wvu.Rows" localSheetId="0" hidden="1">'Anexo 1 - Balanço Orçamentário'!$77:$82,'Anexo 1 - Balanço Orçamentário'!$111:$116</definedName>
    <definedName name="Z_B4FED47C_EE37_4843_A570_282D4F8229D4_.wvu.PrintArea" localSheetId="0" hidden="1">'Anexo 1 - Balanço Orçamentário'!$A$1:$L$132</definedName>
    <definedName name="Z_B4FED47C_EE37_4843_A570_282D4F8229D4_.wvu.PrintArea" localSheetId="1" hidden="1">'Anexo 1.1 Balanço Orç Intra '!$A$1:$L$104</definedName>
    <definedName name="Z_B4FED47C_EE37_4843_A570_282D4F8229D4_.wvu.PrintArea" localSheetId="11" hidden="1">'Anexo 12 - Saúde (Estados)'!$A$1:$H$134</definedName>
    <definedName name="Z_B4FED47C_EE37_4843_A570_282D4F8229D4_.wvu.PrintArea" localSheetId="12" hidden="1">'Anexo 13 - Despesas PPP'!$A$1:$L$58</definedName>
    <definedName name="Z_B4FED47C_EE37_4843_A570_282D4F8229D4_.wvu.PrintArea" localSheetId="13" hidden="1">'Anexo 14 - Simplificado'!$A$1:$E$111</definedName>
    <definedName name="Z_B4FED47C_EE37_4843_A570_282D4F8229D4_.wvu.PrintArea" localSheetId="2" hidden="1">'Anexo 2 - Função'!$A$1:$L$201</definedName>
    <definedName name="Z_B4FED47C_EE37_4843_A570_282D4F8229D4_.wvu.PrintArea" localSheetId="3" hidden="1">'Anexo 2.1 - Função - Intra'!$A$1:$L$113</definedName>
    <definedName name="Z_B4FED47C_EE37_4843_A570_282D4F8229D4_.wvu.PrintArea" localSheetId="4" hidden="1">'Anexo 3 - RCL Estados'!$A$1:$H$84</definedName>
    <definedName name="Z_B4FED47C_EE37_4843_A570_282D4F8229D4_.wvu.PrintArea" localSheetId="5" hidden="1">'Anexo 4 - RPPS Financeiro FR 40'!$A$1:$I$135</definedName>
    <definedName name="Z_B4FED47C_EE37_4843_A570_282D4F8229D4_.wvu.PrintArea" localSheetId="6" hidden="1">'Anexo 4 - RPPS Previdenciário47'!$A$1:$I$135</definedName>
    <definedName name="Z_B4FED47C_EE37_4843_A570_282D4F8229D4_.wvu.PrintArea" localSheetId="7" hidden="1">'Anexo 5 - Resultado Nominal'!$A$1:$G$59</definedName>
    <definedName name="Z_B4FED47C_EE37_4843_A570_282D4F8229D4_.wvu.PrintArea" localSheetId="8" hidden="1">'Anexo 6 - Primário Estados'!$A$1:$H$87</definedName>
    <definedName name="Z_B4FED47C_EE37_4843_A570_282D4F8229D4_.wvu.PrintArea" localSheetId="9" hidden="1">'Anexo 7 - RP Poder e Órgão'!$A$1:$G$101</definedName>
    <definedName name="Z_B4FED47C_EE37_4843_A570_282D4F8229D4_.wvu.PrintArea" localSheetId="10" hidden="1">'Anexo 8 - MDE - Estados'!$A$1:$H$196</definedName>
    <definedName name="Z_C779D862_DE28_46CD_A428_4AAA1056D1E1_.wvu.PrintArea" localSheetId="0" hidden="1">'Anexo 1 - Balanço Orçamentário'!$A$2:$L$137</definedName>
    <definedName name="Z_C779D862_DE28_46CD_A428_4AAA1056D1E1_.wvu.PrintArea" localSheetId="11" hidden="1">'Anexo 12 - Saúde (Estados)'!$A$1:$H$133</definedName>
    <definedName name="Z_C779D862_DE28_46CD_A428_4AAA1056D1E1_.wvu.PrintArea" localSheetId="12" hidden="1">'Anexo 13 - Despesas PPP'!$A$1:$L$56</definedName>
    <definedName name="Z_C779D862_DE28_46CD_A428_4AAA1056D1E1_.wvu.PrintArea" localSheetId="13" hidden="1">'Anexo 14 - Simplificado'!$A$1:$E$111</definedName>
    <definedName name="Z_C779D862_DE28_46CD_A428_4AAA1056D1E1_.wvu.PrintArea" localSheetId="2" hidden="1">'Anexo 2 - Função'!$A$3:$L$202</definedName>
    <definedName name="Z_C779D862_DE28_46CD_A428_4AAA1056D1E1_.wvu.PrintArea" localSheetId="4" hidden="1">'Anexo 3 - RCL Estados'!$A$1:$H$84</definedName>
    <definedName name="Z_C779D862_DE28_46CD_A428_4AAA1056D1E1_.wvu.PrintArea" localSheetId="5" hidden="1">'Anexo 4 - RPPS Financeiro FR 40'!$A$1:$I$134</definedName>
    <definedName name="Z_C779D862_DE28_46CD_A428_4AAA1056D1E1_.wvu.PrintArea" localSheetId="6" hidden="1">'Anexo 4 - RPPS Previdenciário47'!$A$1:$I$134</definedName>
    <definedName name="Z_C779D862_DE28_46CD_A428_4AAA1056D1E1_.wvu.PrintArea" localSheetId="7" hidden="1">'Anexo 5 - Resultado Nominal'!$A$1:$G$59</definedName>
    <definedName name="Z_C779D862_DE28_46CD_A428_4AAA1056D1E1_.wvu.PrintArea" localSheetId="8" hidden="1">'Anexo 6 - Primário Estados'!$A$1:$H$86</definedName>
    <definedName name="Z_C779D862_DE28_46CD_A428_4AAA1056D1E1_.wvu.PrintArea" localSheetId="9" hidden="1">'Anexo 7 - RP Poder e Órgão'!$A$1:$G$102</definedName>
    <definedName name="Z_C779D862_DE28_46CD_A428_4AAA1056D1E1_.wvu.PrintArea" localSheetId="10" hidden="1">'Anexo 8 - MDE - Estados'!$A$1:$H$195</definedName>
    <definedName name="Z_C779D862_DE28_46CD_A428_4AAA1056D1E1_.wvu.Rows" localSheetId="0" hidden="1">'Anexo 1 - Balanço Orçamentário'!$77:$82,'Anexo 1 - Balanço Orçamentário'!$111:$116</definedName>
    <definedName name="Z_D5976633_8ECB_4B00_B200_C7467CF5B10F_.wvu.Cols" localSheetId="8" hidden="1">'Anexo 6 - Primário Estados'!$H:$H</definedName>
    <definedName name="Z_D5976633_8ECB_4B00_B200_C7467CF5B10F_.wvu.PrintArea" localSheetId="0" hidden="1">'Anexo 1 - Balanço Orçamentário'!$A$2:$L$133</definedName>
    <definedName name="Z_D5976633_8ECB_4B00_B200_C7467CF5B10F_.wvu.PrintArea" localSheetId="13" hidden="1">'Anexo 14 - Simplificado'!$A$1:$E$97</definedName>
    <definedName name="Z_D5976633_8ECB_4B00_B200_C7467CF5B10F_.wvu.PrintArea" localSheetId="2" hidden="1">'Anexo 2 - Função'!$A$1:$L$182</definedName>
    <definedName name="Z_D5976633_8ECB_4B00_B200_C7467CF5B10F_.wvu.PrintArea" localSheetId="4" hidden="1">'Anexo 3 - RCL Estados'!$A$1:$H$74</definedName>
    <definedName name="Z_D5976633_8ECB_4B00_B200_C7467CF5B10F_.wvu.PrintArea" localSheetId="6" hidden="1">'Anexo 4 - RPPS Previdenciário47'!$A$3:$D$121</definedName>
    <definedName name="Z_D5976633_8ECB_4B00_B200_C7467CF5B10F_.wvu.PrintArea" localSheetId="8" hidden="1">'Anexo 6 - Primário Estados'!$A$1:$H$73</definedName>
    <definedName name="Z_D5976633_8ECB_4B00_B200_C7467CF5B10F_.wvu.PrintArea" localSheetId="9" hidden="1">'Anexo 7 - RP Poder e Órgão'!$A$1:$G$49</definedName>
  </definedNames>
  <calcPr calcId="152511" calcMode="manual"/>
  <customWorkbookViews>
    <customWorkbookView name="CLÁUDIO JOSÉ DAINESE - Modo de exibição pessoal" guid="{C779D862-DE28-46CD-A428-4AAA1056D1E1}" mergeInterval="0" personalView="1" maximized="1" xWindow="-8" yWindow="-8" windowWidth="1382" windowHeight="744" tabRatio="939" activeSheetId="14" showComments="commIndAndComment"/>
    <customWorkbookView name="rooliveira - Modo de exibição pessoal" guid="{3AAF6A5F-F9AA-430B-9AD9-1261ECDF41B5}" mergeInterval="0" personalView="1" maximized="1" xWindow="-8" yWindow="-8" windowWidth="1382" windowHeight="744" tabRatio="854" activeSheetId="10"/>
    <customWorkbookView name="JOSE CARLOS BERNARDI - Modo de exibição pessoal" guid="{25EF1E0D-169B-4051-B414-7E1196FC05E4}" mergeInterval="0" personalView="1" maximized="1" xWindow="-8" yWindow="-8" windowWidth="1382" windowHeight="744" tabRatio="939" activeSheetId="11"/>
    <customWorkbookView name="vyasunaka - Modo de exibição pessoal" guid="{82EDB5A4-4824-4632-A540-7A52C92F04C7}" mergeInterval="0" personalView="1" maximized="1" xWindow="-4" yWindow="-4" windowWidth="1374" windowHeight="732" tabRatio="893" activeSheetId="2"/>
    <customWorkbookView name="cdainese - Modo de exibição pessoal" guid="{15F968AB-9DD6-4E60-9FDC-FEF44C5FFDCB}" mergeInterval="0" personalView="1" maximized="1" xWindow="1" yWindow="1" windowWidth="1362" windowHeight="538" tabRatio="951" activeSheetId="9"/>
    <customWorkbookView name="natalino gonçalves de almeida - Modo de exibição pessoal" guid="{D5976633-8ECB-4B00-B200-C7467CF5B10F}" mergeInterval="0" personalView="1" maximized="1" windowWidth="1362" windowHeight="543" tabRatio="951" activeSheetId="11"/>
    <customWorkbookView name="Vicente - Modo de exibição pessoal" guid="{B4FED47C-EE37-4843-A570-282D4F8229D4}" mergeInterval="0" personalView="1" maximized="1" windowWidth="1362" windowHeight="509" tabRatio="773" activeSheetId="8"/>
    <customWorkbookView name="sandrade - Modo de exibição pessoal" guid="{6DBFA32C-4AA4-4E1D-9A48-697377C64CC3}" mergeInterval="0" personalView="1" maximized="1" xWindow="-8" yWindow="-8" windowWidth="1382" windowHeight="744" tabRatio="947" activeSheetId="10"/>
    <customWorkbookView name="Maria Elza Garcete Goncalves - Modo de exibição pessoal" guid="{09DEEE52-8A8D-4F12-80E3-55185B30DF10}" mergeInterval="0" personalView="1" maximized="1" xWindow="-8" yWindow="-8" windowWidth="1382" windowHeight="744" tabRatio="939" activeSheetId="9"/>
  </customWorkbookViews>
  <fileRecoveryPr autoRecover="0"/>
</workbook>
</file>

<file path=xl/sharedStrings.xml><?xml version="1.0" encoding="utf-8"?>
<sst xmlns="http://schemas.openxmlformats.org/spreadsheetml/2006/main" count="1732" uniqueCount="896">
  <si>
    <t>¹ Essa linha apresentará valor somente no Relatório Resumido da Execução Orçamentária do último bimestre do exercício.</t>
  </si>
  <si>
    <t xml:space="preserve">        Dívida Mobiliária</t>
  </si>
  <si>
    <t xml:space="preserve">        Outras Dívidas</t>
  </si>
  <si>
    <t xml:space="preserve">    Amortização da Dívida Interna</t>
  </si>
  <si>
    <t xml:space="preserve">    Amortização da Dívida Externa</t>
  </si>
  <si>
    <t>a Pagar</t>
  </si>
  <si>
    <t xml:space="preserve">    Receitas Previdenciárias (IV)</t>
  </si>
  <si>
    <t xml:space="preserve">    Despesas Previdenciárias (V)</t>
  </si>
  <si>
    <t xml:space="preserve">    RECEITAS CORRENTES</t>
  </si>
  <si>
    <t xml:space="preserve">        RECEITA TRIBUTÁRIA</t>
  </si>
  <si>
    <t xml:space="preserve">            Impostos</t>
  </si>
  <si>
    <t xml:space="preserve">            Taxas</t>
  </si>
  <si>
    <t xml:space="preserve">            Contribuição de Melhoria</t>
  </si>
  <si>
    <t xml:space="preserve">        RECEITA DE CONTRIBUIÇÕES</t>
  </si>
  <si>
    <t xml:space="preserve">            Contribuições Sociais</t>
  </si>
  <si>
    <t xml:space="preserve">        RECEITA PATRIMONIAL</t>
  </si>
  <si>
    <t xml:space="preserve">            Receitas Imobiliárias</t>
  </si>
  <si>
    <t xml:space="preserve">            Receitas de Valores Mobiliários</t>
  </si>
  <si>
    <t xml:space="preserve">            Receita de Concessões e Permissões</t>
  </si>
  <si>
    <t xml:space="preserve">            Outras Receitas Patrimoniais</t>
  </si>
  <si>
    <t xml:space="preserve">        RECEITA AGROPECUÁRIA</t>
  </si>
  <si>
    <t xml:space="preserve">            Receita da Produção Vegetal</t>
  </si>
  <si>
    <t xml:space="preserve">            Receita da Produção Animal e Derivados</t>
  </si>
  <si>
    <t xml:space="preserve">            Outras Receitas Agropecuárias</t>
  </si>
  <si>
    <t xml:space="preserve">        RECEITA INDUSTRIAL</t>
  </si>
  <si>
    <t xml:space="preserve">            Receita da Indústria de Transformação</t>
  </si>
  <si>
    <t xml:space="preserve">            Receita da Indústria de Construção</t>
  </si>
  <si>
    <t xml:space="preserve">    Outras Receitas Industriais</t>
  </si>
  <si>
    <t xml:space="preserve">        RECEITA DE SERVIÇOS</t>
  </si>
  <si>
    <t xml:space="preserve">        TRANSFERÊNCIAS CORRENTES</t>
  </si>
  <si>
    <t xml:space="preserve">            Transferências Intergovernamentais</t>
  </si>
  <si>
    <t xml:space="preserve">            Transferências de Instituições Privadas</t>
  </si>
  <si>
    <t xml:space="preserve">            Transferências do Exterior</t>
  </si>
  <si>
    <t xml:space="preserve">            Transferências de Pessoas</t>
  </si>
  <si>
    <t xml:space="preserve">            Transferências de Convênios</t>
  </si>
  <si>
    <t xml:space="preserve">            Transferências para o Combate à Fome</t>
  </si>
  <si>
    <t xml:space="preserve">        OUTRAS RECEITAS CORRENTES</t>
  </si>
  <si>
    <t xml:space="preserve">            Multas e Juros de Mora</t>
  </si>
  <si>
    <t xml:space="preserve">            Indenizações e Restituições</t>
  </si>
  <si>
    <t xml:space="preserve">            Receita da Dívida Ativa</t>
  </si>
  <si>
    <t xml:space="preserve">    RECEITAS DE CAPITAL</t>
  </si>
  <si>
    <t xml:space="preserve">        OPERAÇÕES DE CRÉDITO</t>
  </si>
  <si>
    <t xml:space="preserve">            Operações de Crédito Internas</t>
  </si>
  <si>
    <t xml:space="preserve">            Operações de Crédito Externas</t>
  </si>
  <si>
    <t xml:space="preserve">        ALIENAÇÃO DE BENS</t>
  </si>
  <si>
    <t xml:space="preserve">            Alienação de Bens Móveis</t>
  </si>
  <si>
    <t xml:space="preserve">            Alienação de Bens Imóveis</t>
  </si>
  <si>
    <t xml:space="preserve">        AMORTIZAÇÕES DE EMPRÉSTIMOS</t>
  </si>
  <si>
    <t xml:space="preserve">        TRANSFERÊNCIAS DE CAPITAL</t>
  </si>
  <si>
    <t xml:space="preserve">            Transferências de Outras Instituições Públicas</t>
  </si>
  <si>
    <t xml:space="preserve">        OUTRAS RECEITAS DE CAPITAL</t>
  </si>
  <si>
    <t xml:space="preserve">            Integralização do Capital Social</t>
  </si>
  <si>
    <t xml:space="preserve">           Dív. Atv. Prov. da Amortiz. de Emp. e Financ.       </t>
  </si>
  <si>
    <t xml:space="preserve">           Receitas de Capital Diversas</t>
  </si>
  <si>
    <t xml:space="preserve">            Receitas Correntes Diversas</t>
  </si>
  <si>
    <t xml:space="preserve">        Mobiliária</t>
  </si>
  <si>
    <t xml:space="preserve">        Contratual</t>
  </si>
  <si>
    <t>SUBTOTAL COM REFINANCIAMENTO (V) = (III + IV)</t>
  </si>
  <si>
    <t>SALDOS DE EXERCÍCIOS ANTERIORES
(UTILIZADOS PARA CRÉDITOS ADICIONAIS)</t>
  </si>
  <si>
    <t>(b/total b)</t>
  </si>
  <si>
    <t xml:space="preserve">            Demais Despesas Previdenciárias</t>
  </si>
  <si>
    <t xml:space="preserve">  Receitas Realizadas </t>
  </si>
  <si>
    <t xml:space="preserve">  Déficit Orçamentário</t>
  </si>
  <si>
    <t xml:space="preserve">  Saldos de Exercícios Anteriores (Utilizados para Créditos Adicionais)</t>
  </si>
  <si>
    <t xml:space="preserve">  Dotação Inicial</t>
  </si>
  <si>
    <t xml:space="preserve">  Dotação Atualizada</t>
  </si>
  <si>
    <t xml:space="preserve">  Despesas Empenhadas</t>
  </si>
  <si>
    <t xml:space="preserve">  Despesas Liquidadas</t>
  </si>
  <si>
    <t xml:space="preserve">  Superávit Orçamentário</t>
  </si>
  <si>
    <t xml:space="preserve">  Créditos Adicionais</t>
  </si>
  <si>
    <t>RECEITAS E DESPESAS DOS REGIMES DE PREVIDÊNCIA</t>
  </si>
  <si>
    <t xml:space="preserve">    Receitas Previdenciárias Realizadas(I)</t>
  </si>
  <si>
    <t xml:space="preserve">    Despesas Previdenciárias Liquidadas(II)</t>
  </si>
  <si>
    <t xml:space="preserve">    Receitas Previdenciárias Realizadas(IV)</t>
  </si>
  <si>
    <t xml:space="preserve">    Despesas Previdenciárias Liquidadas(V)</t>
  </si>
  <si>
    <t>RESTOS A PAGAR A PAGAR POR PODER E MINISTÉRIO PÚBLICO</t>
  </si>
  <si>
    <t>DESPESAS COM MANUTENÇÃO E DESENVOLVIMENTO DO ENSINO</t>
  </si>
  <si>
    <t>Mínimo Anual de 60% do FUNDEB na Remuneração do Magistério com Ensino Fundamental e Médio</t>
  </si>
  <si>
    <t>Mínimo Anual de 60% do FUNDEB na Remuneração do Magistério com Educação Infantil e Ensino Fundamental</t>
  </si>
  <si>
    <t>Complementação da União ao FUNDEB</t>
  </si>
  <si>
    <t>Valor Apurado no Exercício Corrente</t>
  </si>
  <si>
    <t>DESPESAS DE CARÁTER CONTINUADO DERIVADAS DE  PPP</t>
  </si>
  <si>
    <t>RECEITAS (INTRA-ORÇAMENTÁRIAS) (II)</t>
  </si>
  <si>
    <t>SUBTOTAL DAS RECEITAS (III) = (I + II)</t>
  </si>
  <si>
    <t>DÉFICIT (VI)</t>
  </si>
  <si>
    <t>TOTAL (VII) = (V + VI)</t>
  </si>
  <si>
    <t xml:space="preserve">    DESPESAS CORRENTES</t>
  </si>
  <si>
    <t xml:space="preserve">        PESSOAL E ENCARGOS SOCIAIS</t>
  </si>
  <si>
    <t xml:space="preserve">        JUROS E ENCARGOS DA DÍVIDA</t>
  </si>
  <si>
    <t xml:space="preserve">        OUTRAS DESPESAS CORRENTES</t>
  </si>
  <si>
    <t xml:space="preserve">    DESPESAS DE CAPITAL</t>
  </si>
  <si>
    <t xml:space="preserve">        INVESTIMENTOS</t>
  </si>
  <si>
    <t xml:space="preserve">        INVERSÕES FINANCEIRAS</t>
  </si>
  <si>
    <t xml:space="preserve">        AMORTIZAÇÃO DA DÍVIDA</t>
  </si>
  <si>
    <t xml:space="preserve">    RESERVA DE CONTINGÊNCIA</t>
  </si>
  <si>
    <t xml:space="preserve">    RESERVA DO RPPS</t>
  </si>
  <si>
    <t>DESPESAS (INTRA-ORÇAMENTÁRIAS) (IX)</t>
  </si>
  <si>
    <t>SUBTOTAL DAS DESPESAS (X) = (VIII + IX)</t>
  </si>
  <si>
    <t>SUBTOTAL C/ REFINANCIAMENTO (XII) = (X + XI)</t>
  </si>
  <si>
    <t>SUPERÁVIT (XIII)</t>
  </si>
  <si>
    <t>TOTAL (XIV) = (XII + XIII)</t>
  </si>
  <si>
    <t>RESTOS A PAGAR (EXCETO INTRA-ORÇAMENTÁRIOS) (I)</t>
  </si>
  <si>
    <t>RESTOS A PAGAR (INTRA-ORÇAMENTÁRIOS) (II)</t>
  </si>
  <si>
    <t xml:space="preserve">    Resultado Previdenciário (III) = (I - II)</t>
  </si>
  <si>
    <t xml:space="preserve">    Resultado Previdenciário (VI) = (IV - V)</t>
  </si>
  <si>
    <t>RELATÓRIO RESUMIDO DA EXECUÇÃO ORÇAMENTÁRIA</t>
  </si>
  <si>
    <t>BALANÇO ORÇAMENTÁRIO</t>
  </si>
  <si>
    <t>ORÇAMENTOS FISCAL E DA SEGURIDADE SOCIAL</t>
  </si>
  <si>
    <t>PREVISÃO</t>
  </si>
  <si>
    <t>RECEITAS REALIZADAS</t>
  </si>
  <si>
    <t>RECEITAS</t>
  </si>
  <si>
    <t>INICIAL</t>
  </si>
  <si>
    <t>ATUALIZADA</t>
  </si>
  <si>
    <t>No Bimestre</t>
  </si>
  <si>
    <t>%</t>
  </si>
  <si>
    <t>Até o Bimestre</t>
  </si>
  <si>
    <t>(a)</t>
  </si>
  <si>
    <t>(b)</t>
  </si>
  <si>
    <t>(b/a)</t>
  </si>
  <si>
    <t xml:space="preserve">            Compensações Financeiras</t>
  </si>
  <si>
    <t xml:space="preserve">        Alienação de Bens, Direitos e Ativos</t>
  </si>
  <si>
    <t>Bimestre</t>
  </si>
  <si>
    <t>PREVISÃO ORÇAMENTÁRIA</t>
  </si>
  <si>
    <t>CAIXA</t>
  </si>
  <si>
    <t>BANCOS CONTA MOVIMENTO</t>
  </si>
  <si>
    <t>INVESTIMENTOS</t>
  </si>
  <si>
    <t>OUTROS BENS E DIREITOS</t>
  </si>
  <si>
    <t>DEMONSTRATIVO DAS RECEITAS E DESPESAS PREVIDENCIÁRIAS DO REGIME PRÓPRIO DE PREVIDÊNCIA DOS SERVIDORES</t>
  </si>
  <si>
    <t xml:space="preserve">        Receita de Contribuições dos Segurados</t>
  </si>
  <si>
    <t xml:space="preserve">                Ativo </t>
  </si>
  <si>
    <t xml:space="preserve">                Inativo </t>
  </si>
  <si>
    <t xml:space="preserve">                Pensionista </t>
  </si>
  <si>
    <t xml:space="preserve">                Ativo</t>
  </si>
  <si>
    <t xml:space="preserve">                Inativo</t>
  </si>
  <si>
    <t>DESPESAS PREVIDENCIÁRIAS - RPPS (EXCETO INTRA-ORÇAMENTÁRIAS) (IV)</t>
  </si>
  <si>
    <t xml:space="preserve">    PREVIDÊNCIA</t>
  </si>
  <si>
    <t>TOTAL DOS APORTES PARA O RPPS</t>
  </si>
  <si>
    <t xml:space="preserve">    Plano Financeiro</t>
  </si>
  <si>
    <t xml:space="preserve">        Recursos para Cobertura de Insuficiências Financeiras</t>
  </si>
  <si>
    <t xml:space="preserve">        Recursos para Formação de Reserva</t>
  </si>
  <si>
    <t xml:space="preserve">        Outros Aportes para o RPPS</t>
  </si>
  <si>
    <t xml:space="preserve">    Plano Previdenciário</t>
  </si>
  <si>
    <t xml:space="preserve">        Recursos para Cobertura de Déficit Financeiro</t>
  </si>
  <si>
    <t xml:space="preserve">        Recursos para Cobertura de Déficit Atuarial</t>
  </si>
  <si>
    <t>RESERVA ORÇAMENTÁRIA DO RPPS</t>
  </si>
  <si>
    <t>RECEITAS INTRA-ORÇAMENTÁRIAS - RPPS</t>
  </si>
  <si>
    <t xml:space="preserve">        Patronal</t>
  </si>
  <si>
    <t>RECEITAS CORRENTES (VIII)</t>
  </si>
  <si>
    <t>RECEITAS DE CAPITAL (IX)</t>
  </si>
  <si>
    <t>DESPESAS INTRA-ORÇAMENTÁRIAS - RPPS</t>
  </si>
  <si>
    <t>ADMINISTRAÇÃO (XII)</t>
  </si>
  <si>
    <t>TOTAL DAS DESPESAS PREVIDENCIÁRIAS INTRA-ORÇAMENTÁRIAS (XIII) = (XII)</t>
  </si>
  <si>
    <t>(c)</t>
  </si>
  <si>
    <t>(c/a)</t>
  </si>
  <si>
    <t>(a-c)</t>
  </si>
  <si>
    <t xml:space="preserve">        Outras Receitas de Contribuições</t>
  </si>
  <si>
    <t>–</t>
  </si>
  <si>
    <t>DOTAÇÃO</t>
  </si>
  <si>
    <t>DESPESAS EMPENHADAS</t>
  </si>
  <si>
    <t>DESPESAS LIQUIDADAS</t>
  </si>
  <si>
    <t>DESPESAS</t>
  </si>
  <si>
    <t>SALDO</t>
  </si>
  <si>
    <t>(d)</t>
  </si>
  <si>
    <t>(e)</t>
  </si>
  <si>
    <t>(g)</t>
  </si>
  <si>
    <t>(h)</t>
  </si>
  <si>
    <t>DESPESAS CORRENTES</t>
  </si>
  <si>
    <t>DESPESAS DE CAPITAL</t>
  </si>
  <si>
    <t>DEMONSTRATIVO DA EXECUÇÃO DAS DESPESAS POR FUNÇÃO/SUBFUNÇÃO</t>
  </si>
  <si>
    <t>FUNÇÃO/SUBFUNÇÃO</t>
  </si>
  <si>
    <t>TOTAL</t>
  </si>
  <si>
    <t>DEMONSTRATIVO DA RECEITA CORRENTE LÍQUIDA</t>
  </si>
  <si>
    <t>EVOLUÇÃO DA RECEITA REALIZADA NOS ÚLTIMOS 12 MESES</t>
  </si>
  <si>
    <t>ESPECIFICAÇÃO</t>
  </si>
  <si>
    <t>(ÚLTIMOS</t>
  </si>
  <si>
    <t>12 MESES)</t>
  </si>
  <si>
    <t>RECEITAS CORRENTES (I)</t>
  </si>
  <si>
    <t xml:space="preserve">    Receita Tributária</t>
  </si>
  <si>
    <t xml:space="preserve">    Receita de Contribuições</t>
  </si>
  <si>
    <t xml:space="preserve">    Receita Patrimonial</t>
  </si>
  <si>
    <t xml:space="preserve">    Receita Agropecuária</t>
  </si>
  <si>
    <t xml:space="preserve">    Receita Industrial</t>
  </si>
  <si>
    <t xml:space="preserve">    Transferências Correntes</t>
  </si>
  <si>
    <t xml:space="preserve">    Outras Receitas Correntes</t>
  </si>
  <si>
    <t>DEDUÇÕES (II)</t>
  </si>
  <si>
    <t xml:space="preserve">    Transferências Constitucionais e Legais</t>
  </si>
  <si>
    <t xml:space="preserve">    Receita de Serviços</t>
  </si>
  <si>
    <t>RECEITAS DO ENSINO</t>
  </si>
  <si>
    <t>(c) = (b/a)x100</t>
  </si>
  <si>
    <t>1- RECEITA DE IMPOSTOS</t>
  </si>
  <si>
    <t xml:space="preserve">    2.1- Cota-Parte FPE </t>
  </si>
  <si>
    <t xml:space="preserve">    2.2- ICMS-Desoneração - L.C. nº87/1996 </t>
  </si>
  <si>
    <t xml:space="preserve">    2.3- Cota-Parte IPI-Exportação </t>
  </si>
  <si>
    <t xml:space="preserve">    2.4- Cota-Parte IOF-Ouro </t>
  </si>
  <si>
    <t xml:space="preserve">DEDUÇÕES DE TRANSFERÊNCIAS CONSTITUCIONAIS </t>
  </si>
  <si>
    <t>FUNDEB</t>
  </si>
  <si>
    <t>RECEITAS DO FUNDEB</t>
  </si>
  <si>
    <t>DESPESAS DO FUNDEB</t>
  </si>
  <si>
    <t>(f) = (e/d)x100</t>
  </si>
  <si>
    <t>RESTOS A PAGAR INSCRITOS COM DISPONIBILIDADE FINANCEIRA
DE RECURSOS DE IMPOSTOS VINCULADOS AO ENSINO</t>
  </si>
  <si>
    <t>SALDO ATÉ O BIMESTRE</t>
  </si>
  <si>
    <t xml:space="preserve">        Pessoal Civil</t>
  </si>
  <si>
    <t xml:space="preserve">        Pessoal Militar</t>
  </si>
  <si>
    <t xml:space="preserve">    Outras Receitas de Capital</t>
  </si>
  <si>
    <t xml:space="preserve">    Despesas Correntes</t>
  </si>
  <si>
    <t xml:space="preserve">    Despesas de Capital</t>
  </si>
  <si>
    <t xml:space="preserve">    Pessoal e Encargos Sociais</t>
  </si>
  <si>
    <t xml:space="preserve">    Outras Despesas Correntes</t>
  </si>
  <si>
    <t>PERÍODO DE REFERÊNCIA</t>
  </si>
  <si>
    <t>VALOR</t>
  </si>
  <si>
    <t xml:space="preserve">Total das Despesas / RCL (%) </t>
  </si>
  <si>
    <t>DEMONSTRATIVO DOS RESTOS A PAGAR POR PODER E ÓRGÃO</t>
  </si>
  <si>
    <t>Inscritos</t>
  </si>
  <si>
    <t>PODER/ÓRGÃO</t>
  </si>
  <si>
    <t>Em 31 de</t>
  </si>
  <si>
    <t>Exercícios</t>
  </si>
  <si>
    <t>dezembro de</t>
  </si>
  <si>
    <t>Cancelados</t>
  </si>
  <si>
    <t>Pagos</t>
  </si>
  <si>
    <t>Anteriores</t>
  </si>
  <si>
    <t>DESPESAS (EXCETO INTRA-ORÇAMENTÁRIAS) (I)</t>
  </si>
  <si>
    <t>DESPESAS (INTRA-ORÇAMENTÁRIAS) (II)</t>
  </si>
  <si>
    <t>TOTAL (III) = (I + II)</t>
  </si>
  <si>
    <t xml:space="preserve">    Compensação Financ. entre Regimes Previdência</t>
  </si>
  <si>
    <t>(b/a) x 100</t>
  </si>
  <si>
    <t>(d/c) x 100</t>
  </si>
  <si>
    <t xml:space="preserve">    Dedução de Receita para Formação do FUNDEB</t>
  </si>
  <si>
    <t xml:space="preserve">        Receita de Serviços</t>
  </si>
  <si>
    <t xml:space="preserve">        Amortização de Empréstimos</t>
  </si>
  <si>
    <t xml:space="preserve">            Compensação Previdenciária do RPPS para o RGPS</t>
  </si>
  <si>
    <t>MINISTÉRIO PÚBLICO</t>
  </si>
  <si>
    <t>DEMONSTRATIVO DAS RECEITAS E DESPESAS COM MANUTENÇÃO E DESENVOLVIMENTO DO ENSINO - MDE</t>
  </si>
  <si>
    <t>Outras Subfunções</t>
  </si>
  <si>
    <t>(f)</t>
  </si>
  <si>
    <t>RECEITA CORRENTE LÍQUIDA (III) = (I - II)</t>
  </si>
  <si>
    <t>PREVISÃO ATUALIZADA</t>
  </si>
  <si>
    <t>DOTAÇÃO ATUALIZADA</t>
  </si>
  <si>
    <t>DESPESAS COM SAÚDE</t>
  </si>
  <si>
    <t>(Por Grupo de Natureza da Despesa)</t>
  </si>
  <si>
    <t xml:space="preserve">    Juros e Encargos da Dívida</t>
  </si>
  <si>
    <t xml:space="preserve">    Investimentos </t>
  </si>
  <si>
    <t xml:space="preserve">    Inversões Financeiras</t>
  </si>
  <si>
    <t xml:space="preserve">    Amortização da Dívida</t>
  </si>
  <si>
    <t>DESPESAS COM AÇÕES E SERVIÇOS PÚBLICOS DE SAÚDE</t>
  </si>
  <si>
    <t>(Por Subfunção)</t>
  </si>
  <si>
    <t>Atenção Básica</t>
  </si>
  <si>
    <t>Assistência Hospitalar e Ambulatorial</t>
  </si>
  <si>
    <t>Suporte Profilático e Terapêutico</t>
  </si>
  <si>
    <t>Vigilância Sanitária</t>
  </si>
  <si>
    <t>Vigilância Epidemiológica</t>
  </si>
  <si>
    <t>Alimentação e Nutrição</t>
  </si>
  <si>
    <t>DEMONSTRATIVO SIMPLIFICADO DO RELATÓRIO RESUMIDO DA EXECUÇÃO ORÇAMENTÁRIA</t>
  </si>
  <si>
    <t>Despesas Empenhadas</t>
  </si>
  <si>
    <t>Despesas Liquidadas</t>
  </si>
  <si>
    <t>DESPESAS POR FUNÇÃO/SUBFUNÇÃO</t>
  </si>
  <si>
    <t>RECEITA CORRENTE LÍQUIDA - RCL</t>
  </si>
  <si>
    <t>Receita Corrente Líquida</t>
  </si>
  <si>
    <t>Regime Geral de Previdência Social</t>
  </si>
  <si>
    <t xml:space="preserve">    Receitas Previdenciárias (I)</t>
  </si>
  <si>
    <t xml:space="preserve">    Despesas Previdenciárias (II)</t>
  </si>
  <si>
    <t>Meta Fixada no</t>
  </si>
  <si>
    <t>% em Relação à Meta</t>
  </si>
  <si>
    <t>RESULTADOS NOMINAL E PRIMÁRIO</t>
  </si>
  <si>
    <t>Anexo de Metas</t>
  </si>
  <si>
    <t>Fiscais da LDO</t>
  </si>
  <si>
    <t>Resultado Nominal</t>
  </si>
  <si>
    <t>Resultado Primário</t>
  </si>
  <si>
    <t>Inscrição</t>
  </si>
  <si>
    <t>Cancelamento</t>
  </si>
  <si>
    <t xml:space="preserve">Saldo </t>
  </si>
  <si>
    <t xml:space="preserve">    RESTOS A PAGAR PROCESSADOS</t>
  </si>
  <si>
    <t xml:space="preserve">        Poder Executivo</t>
  </si>
  <si>
    <t xml:space="preserve">        Poder Legislativo</t>
  </si>
  <si>
    <t xml:space="preserve">        Poder Judiciário</t>
  </si>
  <si>
    <t xml:space="preserve">        Ministério Público</t>
  </si>
  <si>
    <t xml:space="preserve">    RESTOS A PAGAR NÃO-PROCESSADOS</t>
  </si>
  <si>
    <t>Valor Apurado</t>
  </si>
  <si>
    <t>Limites Constitucionais Anuais</t>
  </si>
  <si>
    <t>% Mínimo a</t>
  </si>
  <si>
    <t>(c) = (a-b)</t>
  </si>
  <si>
    <t xml:space="preserve">    ADMINISTRAÇÃO</t>
  </si>
  <si>
    <t>RECEITAS PREVIDENCIÁRIAS - RPPS (EXCETO INTRA-ORÇAMENTÁRIAS) (I)</t>
  </si>
  <si>
    <t xml:space="preserve">            Pessoal Civil</t>
  </si>
  <si>
    <t xml:space="preserve">            Pessoal Militar</t>
  </si>
  <si>
    <t xml:space="preserve">        Outras Receitas Correntes</t>
  </si>
  <si>
    <t xml:space="preserve">        Outras Receitas de Capital</t>
  </si>
  <si>
    <t xml:space="preserve">        Despesas Correntes</t>
  </si>
  <si>
    <t xml:space="preserve">        Despesas de Capital</t>
  </si>
  <si>
    <t xml:space="preserve">            Aposentadorias</t>
  </si>
  <si>
    <t xml:space="preserve">            Pensões</t>
  </si>
  <si>
    <t xml:space="preserve">            Outros Benefícios Previdenciários</t>
  </si>
  <si>
    <t xml:space="preserve">            Reformas</t>
  </si>
  <si>
    <t xml:space="preserve">       Outras Despesas Previdenciárias</t>
  </si>
  <si>
    <t>% Aplicado Até o Bimestre</t>
  </si>
  <si>
    <t>Aplicar no Exercício</t>
  </si>
  <si>
    <t>RECEITAS DE OPERAÇÕES DE CRÉDITO E DESPESAS DE CAPITAL</t>
  </si>
  <si>
    <t>Valor Apurado Até o Bimestre</t>
  </si>
  <si>
    <t>Saldo a Realizar</t>
  </si>
  <si>
    <t>Receita de Operação de Crédito</t>
  </si>
  <si>
    <t>Despesa de Capital Líquida</t>
  </si>
  <si>
    <t>PROJEÇÃO ATUARIAL DOS REGIMES DE PREVIDÊNCIA</t>
  </si>
  <si>
    <t>Exercício</t>
  </si>
  <si>
    <t>10º Exercício</t>
  </si>
  <si>
    <t>20º Exercício</t>
  </si>
  <si>
    <t>35º Exercício</t>
  </si>
  <si>
    <t>RECEITA DA ALIENAÇÃO DE ATIVOS E APLICAÇÃO DOS RECURSOS</t>
  </si>
  <si>
    <t>Receita de Capital Resultante da Alienação de Ativos</t>
  </si>
  <si>
    <t>Aplicação dos Recursos da Alienação de Ativos</t>
  </si>
  <si>
    <t>Limite Constitucional Anual</t>
  </si>
  <si>
    <t xml:space="preserve">    Operações de Crédito Internas</t>
  </si>
  <si>
    <t xml:space="preserve">    Operações de Crédito Externas</t>
  </si>
  <si>
    <t xml:space="preserve">        Receita Patrimonial</t>
  </si>
  <si>
    <t>Em</t>
  </si>
  <si>
    <t>RESTOS A PAGAR NÃO PROCESSADOS</t>
  </si>
  <si>
    <t xml:space="preserve">  Previsão Inicial </t>
  </si>
  <si>
    <t xml:space="preserve">  Previsão Atualizada </t>
  </si>
  <si>
    <t xml:space="preserve">Regime Próprio de Previdência dos Servidores </t>
  </si>
  <si>
    <t xml:space="preserve">        1.1.1- ICMS</t>
  </si>
  <si>
    <t xml:space="preserve">        1.1.2- Multas, Juros de Mora e Outros Encargos do ICMS</t>
  </si>
  <si>
    <t xml:space="preserve">        1.1.3- Dívida Ativa do ICMS</t>
  </si>
  <si>
    <t xml:space="preserve">        1.1.4- Multas, Juros de Mora, Atualização Monetária e Outros Encargos da Dívida Ativa do ICMS</t>
  </si>
  <si>
    <t xml:space="preserve">        1.1.5- (–) Deduções da Receita do ICMS</t>
  </si>
  <si>
    <t xml:space="preserve">        1.1.6- Adicional de até 2% do ICMS destinado ao Fundo de Combate à Pobreza (ADCT, art. 82, §1º)</t>
  </si>
  <si>
    <t xml:space="preserve">        1.1.7- (–) Deduções da Receita do Adicional de até 2% do ICMS</t>
  </si>
  <si>
    <t xml:space="preserve">    1.2- Receita Resultante do Imposto de Transmissão Causa Mortis e Doação de Bens e Direitos – ITCD</t>
  </si>
  <si>
    <t xml:space="preserve">        1.2.1- ITCD</t>
  </si>
  <si>
    <t xml:space="preserve">        1.2.2- Multas, Juros de Mora e Outros Encargos do ITCD</t>
  </si>
  <si>
    <t xml:space="preserve">        1.2.3- Dívida Ativa do ITCD</t>
  </si>
  <si>
    <t xml:space="preserve">        1.2.4- Multas, Juros de Mora,  Atualização Monetária e Outros Encargos da Dívida Ativa do ITCD</t>
  </si>
  <si>
    <t xml:space="preserve">        1.3.1- IPVA</t>
  </si>
  <si>
    <t xml:space="preserve">        1.3.2- Multas, Juros de Mora e Outros Encargos do IPVA</t>
  </si>
  <si>
    <t xml:space="preserve">        1.3.3- Dívida Ativa do IPVA</t>
  </si>
  <si>
    <t xml:space="preserve">        1.3.4- Multas, Juros de Mora,  Atualização Monetária e Outros Encargos da Dívida Ativa do IPVA </t>
  </si>
  <si>
    <t xml:space="preserve">        1.2.5- (–) Deduções da Receita do ITCD</t>
  </si>
  <si>
    <t xml:space="preserve">        1.3.5- (–) Deduções da Receita do IPVA</t>
  </si>
  <si>
    <t xml:space="preserve">        1.4.5- (–) Deduções da Receita do IRRF</t>
  </si>
  <si>
    <t xml:space="preserve">        1.4.1- IRRF</t>
  </si>
  <si>
    <t xml:space="preserve">    1.3- Receita Resultante do Imposto sobre a Propriedade de Veículos Automotores – IPVA</t>
  </si>
  <si>
    <t xml:space="preserve">    1.4- Receita Resultante do Imposto sobre a Renda e Proventos de Qualquer Natureza Retido na Fonte – IRRF</t>
  </si>
  <si>
    <t xml:space="preserve">2- RECEITA DE TRANSFERÊNCIAS CONSTITUCIONAIS E LEGAIS </t>
  </si>
  <si>
    <t>MANUTENÇÃO E DESENVOLVIMENTO DO ENSINO – MDE – DESPESAS CUSTEADAS COM A RECEITA RESULTANTE DE IMPOSTOS E RECURSOS DO FUNDEB</t>
  </si>
  <si>
    <t>CONTROLE DA UTILIZAÇÃO DE RECURSOS NO EXERCÍCIO SUBSEQUENTE</t>
  </si>
  <si>
    <t>RECEITAS COM AÇÕES TÍPICAS DE MDE</t>
  </si>
  <si>
    <t>DESPESAS COM AÇÕES TÍPICAS DE MDE</t>
  </si>
  <si>
    <t>DEDUÇÕES CONSIDERADAS PARA FINS DE LIMITE CONSTITUCIONAL DE APLICAÇÃO MÍNIMA EM MDE</t>
  </si>
  <si>
    <t xml:space="preserve">OUTRAS DESPESAS CUSTEADAS COM RECEITAS ADICIONAIS PARA FINANCIAMENTO DO ENSINO </t>
  </si>
  <si>
    <t>OUTRAS INFORMAÇÕES PARA CONTROLE</t>
  </si>
  <si>
    <t>INSCRITAS EM RESTOS A PAGAR NÃO PROCESSADOS</t>
  </si>
  <si>
    <t>Saldo não realizado</t>
  </si>
  <si>
    <t>(j)</t>
  </si>
  <si>
    <t>(k)</t>
  </si>
  <si>
    <t>RECEITAS DE OPERAÇÕES DE CRÉDITO VINCULADAS À SAÚDE</t>
  </si>
  <si>
    <t>(i)</t>
  </si>
  <si>
    <t xml:space="preserve">    Reabertura de Créditos Adicionais</t>
  </si>
  <si>
    <t xml:space="preserve">    Superávit Financeiro</t>
  </si>
  <si>
    <t>TRANSFERÊNCIA DE RECURSOS DO SISTEMA ÚNICO DE SAÚDE-SUS</t>
  </si>
  <si>
    <t xml:space="preserve">            Contribuição de Intervenção no Domínio Econômico</t>
  </si>
  <si>
    <t xml:space="preserve">            Contribuição de Iluminação Pública</t>
  </si>
  <si>
    <t>RREO - Anexo 1 (LRF, Art. 52, inciso I, alíneas "a" e "b" do inciso II e §1º)</t>
  </si>
  <si>
    <t>RECEITAS (EXCETO INTRA-ORÇAMENTÁRIAS) (I)</t>
  </si>
  <si>
    <t>OPERAÇÕES DE CRÉDITO / REFINANCIAMENTO  (IV)</t>
  </si>
  <si>
    <t>DESPESAS (EXCETO INTRA-ORÇAMENTÁRIAS) (VIII)</t>
  </si>
  <si>
    <t>AMORTIZAÇÃO DA DÍV. / REFINANCIAMENTO (XI)</t>
  </si>
  <si>
    <t>RREO - Anexo 2 (LRF, Art. 52, inciso II, alínea "c")</t>
  </si>
  <si>
    <t>RREO - Anexo 3 (LRF, Art. 53, inciso I)</t>
  </si>
  <si>
    <t xml:space="preserve">    Contrib. do Servidor para o Plano de Previdência </t>
  </si>
  <si>
    <t>RREO - Anexo 4 (LRF, Art. 53, inciso II)</t>
  </si>
  <si>
    <t>RREO - ANEXO 7 (LRF, art. 53, inciso V)</t>
  </si>
  <si>
    <t xml:space="preserve">    1.1- Receita Resultante do Imposto sobre a Circulação de Mercadorias e Serviços de Transporte Interestadual e Intermunicipal e de Comunicação – ICMS</t>
  </si>
  <si>
    <t xml:space="preserve">            Receita Decorrente do Direito de Exploração de Bens Públicos em Áreas de Domínio Público</t>
  </si>
  <si>
    <t xml:space="preserve">            Receita da Cessão de Direitos</t>
  </si>
  <si>
    <t xml:space="preserve">            Receita da Indústria Extrativa Mineral</t>
  </si>
  <si>
    <t xml:space="preserve">            Receita Decorrentes de Aportes Periódicos para Amortização de Déficit Atuarial do RPPS</t>
  </si>
  <si>
    <t>DESPESAS COM SAÚDE NÃO COMPUTADAS PARA FINS DE APURAÇÃO DO PERCENTUAL MÍNIMO</t>
  </si>
  <si>
    <t>DESPESAS COM INATIVOS E PENSIONISTAS</t>
  </si>
  <si>
    <t>DESPESA COM ASSISTÊNCIA À SAÚDE QUE NÃO ATENDE AO PRINCÍPIO DE ACESSO UNIVERSAL</t>
  </si>
  <si>
    <t xml:space="preserve">   Recursos de Operações de Crédito</t>
  </si>
  <si>
    <t xml:space="preserve">   Outros Recursos</t>
  </si>
  <si>
    <t>OUTRAS AÇÕES E SERVIÇOS NÃO COMPUTADOS</t>
  </si>
  <si>
    <t>PAGOS</t>
  </si>
  <si>
    <t>A PAGAR</t>
  </si>
  <si>
    <t>Total</t>
  </si>
  <si>
    <t>CONTROLE DOS RESTOS A PAGAR CANCELADOS OU PRESCRITOS PARA FINS DE APLICAÇÃO DA DISPONIBILIDADE DE CAIXA CONFORME ARTIGO 24, § 1º e 2º</t>
  </si>
  <si>
    <t>Saldo Inicial</t>
  </si>
  <si>
    <t>Despesas custeadas no exercício de referência</t>
  </si>
  <si>
    <t>LIMITE NÃO CUMPRIDO</t>
  </si>
  <si>
    <t>Total (IX)</t>
  </si>
  <si>
    <t>(l)</t>
  </si>
  <si>
    <t>(l/total l) x 100</t>
  </si>
  <si>
    <t>(m)</t>
  </si>
  <si>
    <t>(m/total m) x 100</t>
  </si>
  <si>
    <t>DEMONSTRATIVO DAS RECEITAS E DESPESAS COM AÇÕES E SERVIÇOS PÚBLICOS DE SAÚDE</t>
  </si>
  <si>
    <t>RECEITAS PARA APURAÇÃO DA APLICAÇÃO EM AÇÕES E SERVIÇOS PÚBLICOS DE SAÚDE</t>
  </si>
  <si>
    <t xml:space="preserve">   Imposto de Renda Retido na Fonte - IRRF</t>
  </si>
  <si>
    <t>RECEITAS ADICIONAIS PARA FINANCIAMENTO DA SAÚDE</t>
  </si>
  <si>
    <t xml:space="preserve">   Provenientes da União</t>
  </si>
  <si>
    <t xml:space="preserve">   Provenientes de Municípios</t>
  </si>
  <si>
    <t>TRANSFERÊNCIAS VOLUNTÁRIAS</t>
  </si>
  <si>
    <t>TOTAL RECEITAS ADICIONAIS PARA FINANCIAMENTO DA SAÚDE</t>
  </si>
  <si>
    <t>(f/e) x 100</t>
  </si>
  <si>
    <t>(g/e) x 100</t>
  </si>
  <si>
    <t xml:space="preserve">DESPESAS CUSTEADAS COM OUTROS RECURSOS </t>
  </si>
  <si>
    <t xml:space="preserve">   Recursos de Transferência do Sistema Único de Saúde - SUS</t>
  </si>
  <si>
    <t>RECEITA DE IMPOSTOS LÍQUIDA (I)</t>
  </si>
  <si>
    <t xml:space="preserve">   Impostos s/ Transmissão "causa mortis" e Doação -  ITCD</t>
  </si>
  <si>
    <t xml:space="preserve">   Imposto s/ Propriedade de Veículos Automotores -  IPVA</t>
  </si>
  <si>
    <t xml:space="preserve">   Multas, Juros de Mora e Outros Encargos dos Impostos</t>
  </si>
  <si>
    <t xml:space="preserve">   Dívida Ativa dos Impostos</t>
  </si>
  <si>
    <t xml:space="preserve">   Multas, Juros de Mora e Outros Encargos da Dívida Ativa</t>
  </si>
  <si>
    <t xml:space="preserve">   Cota-Parte FPE</t>
  </si>
  <si>
    <t xml:space="preserve">   Cota-Parte IPI-Exportação</t>
  </si>
  <si>
    <t xml:space="preserve">      Desoneração ICMS (LC 87/96)</t>
  </si>
  <si>
    <t xml:space="preserve">      Outras</t>
  </si>
  <si>
    <t xml:space="preserve">   Provenientes de Outros Estados</t>
  </si>
  <si>
    <t>RREO – ANEXO  12 (LC 141/2012, art. 35)</t>
  </si>
  <si>
    <t xml:space="preserve">         IRRF</t>
  </si>
  <si>
    <t xml:space="preserve">         ICMS</t>
  </si>
  <si>
    <t xml:space="preserve">         IPVA</t>
  </si>
  <si>
    <t xml:space="preserve">         ITCD</t>
  </si>
  <si>
    <t xml:space="preserve">         Outras Receitas Tributárias</t>
  </si>
  <si>
    <t xml:space="preserve">         Cota-Parte do FPE</t>
  </si>
  <si>
    <t xml:space="preserve">         Transferências da LC 87/1996</t>
  </si>
  <si>
    <t xml:space="preserve">         Transferências da LC 61/1989</t>
  </si>
  <si>
    <t xml:space="preserve">         Transferências do FUNDEB</t>
  </si>
  <si>
    <t xml:space="preserve">         Outras Transferências Correntes</t>
  </si>
  <si>
    <t xml:space="preserve">    Contrib. dos Militares para o Custeio das Pensões</t>
  </si>
  <si>
    <t>PREVISÃO INICIAL</t>
  </si>
  <si>
    <t>Saldo</t>
  </si>
  <si>
    <t>Liquidados</t>
  </si>
  <si>
    <t>Despesas com Ações e Serviços Públicos de Saúde executadas com recursos de impostos</t>
  </si>
  <si>
    <t xml:space="preserve">No </t>
  </si>
  <si>
    <t xml:space="preserve">Até o </t>
  </si>
  <si>
    <t xml:space="preserve">   [SE RESULTADO LÍQUIDO DA TRANSFERÊNCIA (17) &gt; 0] = ACRÉSCIMO RESULTANTE DAS TRANSFERÊNCIAS DO FUNDEB</t>
  </si>
  <si>
    <t xml:space="preserve">   [SE RESULTADO LÍQUIDO DA TRANSFERÊNCIA (17) &lt; 0] = DECRÉSCIMO RESULTANTE DAS TRANSFERÊNCIAS DO FUNDEB</t>
  </si>
  <si>
    <t>DEDUÇÕES PARA FINS DO LIMITE DO FUNDEB</t>
  </si>
  <si>
    <t>INDICADORES DO FUNDEB</t>
  </si>
  <si>
    <t>FLUXO FINANCEIRO DOS RECURSOS DO FUNDEB</t>
  </si>
  <si>
    <t>RESTOS A PAGAR CANCELADOS OU PRESCRITOS</t>
  </si>
  <si>
    <t xml:space="preserve">   Imposto s/ Circulação de Mercad. e Serviços de Transporte Interestadual e Intermunicipal e de Comunicação - ICMS</t>
  </si>
  <si>
    <t>RECEITA DE TRANSFERÊNCIAS CONSTITUCIONAIS E LEGAIS (II)</t>
  </si>
  <si>
    <t>DEDUÇÕES DE TRANSFERÊNCIAS CONSTITUCIONAIS AOS MUNICÍPIOS (III)</t>
  </si>
  <si>
    <t xml:space="preserve">   Parcela do ICMS Repassada aos Municípios</t>
  </si>
  <si>
    <t xml:space="preserve">   Parcela do IPVA Repassada aos Municípios</t>
  </si>
  <si>
    <t xml:space="preserve">   Parcela da Cota-Parte do IPI-Exportação Repassada aos Municípios</t>
  </si>
  <si>
    <t>TOTAL DAS RECEITAS PARA APURAÇÃO DA APLICAÇÃO EM AÇÕES E SERVIÇOS PÚBLICOS DE SAÚDE (IV) = I + II - III</t>
  </si>
  <si>
    <t xml:space="preserve">   Outras Receitas do SUS</t>
  </si>
  <si>
    <t>OUTRAS RECEITAS PARA FINANCIAMENTO DA SAÚDE</t>
  </si>
  <si>
    <t>TOTAL DAS DESPESAS COM SAÚDE NÃO COMPUTADAS  (VI)</t>
  </si>
  <si>
    <t>TOTAL DAS DESPESAS COM AÇÕES E SERVIÇOS PÚBLICOS DE SAÚDE (VII) = (V - VI)</t>
  </si>
  <si>
    <t>EXECUÇÃO DE RESTOS A PAGAR NÃO PROCESSADOS INSCRITOS COM DISPONIBILDADE DE CAIXA</t>
  </si>
  <si>
    <t xml:space="preserve"> CONTROLE DO VALOR REFERENTE AO PERCENTUAL MÍNIMO NÃO CUMPRIDO EM EXERCÍCIOS ANTERIORES PARA FINS DE APLICAÇÃO DOS RECURSOS VINCULADOS CONFORME ARTIGOS 25 E 26</t>
  </si>
  <si>
    <t>Total (X)</t>
  </si>
  <si>
    <t>(h) = (g/d)x100</t>
  </si>
  <si>
    <t>Saldo Total (a+b)</t>
  </si>
  <si>
    <t xml:space="preserve">        1.4.2- Multas, Juros de Mora e Outros Encargos do IRRF</t>
  </si>
  <si>
    <t xml:space="preserve">        1.4.3- Dívida Ativa do  IRRF</t>
  </si>
  <si>
    <t xml:space="preserve">        1.4.4- Multas, Juros de Mora,  Atualização Monetária e Outros Encargos da Dívida Ativa do IRRF</t>
  </si>
  <si>
    <t>3- TOTAL DA RECEITA DE IMPOSTOS (1 + 2)</t>
  </si>
  <si>
    <t>4- PARCELA DO ICMS REPASSADA AOS MUNICÍPIOS (25% de (1.1 – (1.1.6 – 1.1.7)))</t>
  </si>
  <si>
    <t>5- PARCELA DO IPVA REPASSADA AOS MUNICÍPIOS (50% de 1.3)</t>
  </si>
  <si>
    <t>6- PARCELA DA COTA-PARTE DO IPI-EXPORTAÇÃO REPASSADA AOS MUNICÍPIOS (25% de 2.3)</t>
  </si>
  <si>
    <t>7- TOTAL DAS DEDUÇÕES DE TRANSFERÊNCIAS CONSTITUCIONAIS (4 +5 + 6)</t>
  </si>
  <si>
    <t>8- TOTAL DA RECEITA LÍQUIDA DE IMPOSTOS (3 – 7)</t>
  </si>
  <si>
    <t>9- RECEITA DA APLICAÇÃO FINANCEIRA DE OUTROS RECURSOS DE IMPOSTOS VINCULADOS  AO ENSINO</t>
  </si>
  <si>
    <t>10- RECEITA DE TRANSFERÊNCIAS DO FNDE</t>
  </si>
  <si>
    <t xml:space="preserve">    10.1- Transferências do Salário-Educação</t>
  </si>
  <si>
    <t xml:space="preserve">    10.2- Transferências Diretas - PDDE</t>
  </si>
  <si>
    <t xml:space="preserve">    10.3- Transferências Diretas - PNAE</t>
  </si>
  <si>
    <t xml:space="preserve">    10.4 - Transferências Diretas - PNATE</t>
  </si>
  <si>
    <t xml:space="preserve">    10.5- Outras Transferências do FNDE</t>
  </si>
  <si>
    <t xml:space="preserve">    10.6- Aplicação Financeira dos Recursos do FNDE</t>
  </si>
  <si>
    <t>11- RECEITA DE TRANSFERÊNCIAS. DE CONVÊNIOS</t>
  </si>
  <si>
    <t xml:space="preserve">    11.1- Transferências de Convênios</t>
  </si>
  <si>
    <t xml:space="preserve">    11.2- Aplicação Financeira dos Recursos de Convênios</t>
  </si>
  <si>
    <t>12- RECEITA DE OPERAÇÕES DE CRÉDITO</t>
  </si>
  <si>
    <t>15- RECEITAS DESTINADAS AO FUNDEB</t>
  </si>
  <si>
    <t xml:space="preserve">    15.1- Receita Resultante do ICMS Destinada ao FUNDEB – (20% de (1.1 – 4))</t>
  </si>
  <si>
    <t xml:space="preserve">    15.2- Receita Resultante do ITCD Destinada ao FUNDEB – (20% de 1.2)</t>
  </si>
  <si>
    <t xml:space="preserve">    15.3- Receita Resultante do IPVA Destinada ao FUNDEB – (20% de (1.3 – 5))</t>
  </si>
  <si>
    <t xml:space="preserve">    15.4- Cota-Parte FPE Destinada ao FUNDEB – (20% de 2.1)</t>
  </si>
  <si>
    <t xml:space="preserve">    15.5- ICMS-Desoneração Destinada ao FUNDEB – (20% de 2.2)</t>
  </si>
  <si>
    <t xml:space="preserve">    15.6- Cota-Parte IPI Exportação Destinada ao FUNDEB – (20% de (2.3 – 6))</t>
  </si>
  <si>
    <t>16- RECEITAS RECEBIDAS DO FUNDEB</t>
  </si>
  <si>
    <t xml:space="preserve">    16.1- Transferências de Recursos do FUNDEB</t>
  </si>
  <si>
    <t xml:space="preserve">    16.2- Complementação da União ao FUNDEB</t>
  </si>
  <si>
    <t xml:space="preserve">    16.3- Receita de Aplicação Financeira dos Recursos do FUNDEB</t>
  </si>
  <si>
    <t>17- RESULTADO LÍQUIDO DAS TRANSFERÊNCIAS DO FUNDEB (16.1 – 15)</t>
  </si>
  <si>
    <t>18- PAGAMENTO DOS PROFISSIONAIS DO MAGISTÉRIO</t>
  </si>
  <si>
    <t xml:space="preserve">   18.1- Com Ensino Fundamental </t>
  </si>
  <si>
    <t xml:space="preserve">   18.2- Com Ensino Médio </t>
  </si>
  <si>
    <t>19- OUTRAS DESPESAS</t>
  </si>
  <si>
    <t xml:space="preserve">   19.1- Com Ensino Fundamental </t>
  </si>
  <si>
    <t xml:space="preserve">   19.2- Com Ensino Médio</t>
  </si>
  <si>
    <t>20- TOTAL DAS DESPESAS DO FUNDEB (18 + 19)</t>
  </si>
  <si>
    <t>21- RESTOS A PAGAR INSCRITOS NO EXERCÍCIO SEM DISPONIBILIDADE FINANCEIRA DE RECURSOS DO FUNDEB</t>
  </si>
  <si>
    <t xml:space="preserve">   21.1 - FUNDEB 60%</t>
  </si>
  <si>
    <t xml:space="preserve">   21.2 - FUNDEB 40%</t>
  </si>
  <si>
    <t>22- DESPESAS CUSTEADAS COM O SUPERÁVIT FINANCEIRO, DO EXERCÍCIO ANTERIOR, DO FUNDEB</t>
  </si>
  <si>
    <t xml:space="preserve">   22.1 - FUNDEB 60%</t>
  </si>
  <si>
    <t xml:space="preserve">   22.2 - FUNDEB 40%</t>
  </si>
  <si>
    <t>23- TOTAL DAS DEDUÇÕES CONSIDERADAS PARA FINS DE LIMITE DO FUNDEB (21 + 22)</t>
  </si>
  <si>
    <t>24 - TOTAL DAS DESPESAS DO FUNDEB PARA FINS DE LIMITE (20 - 23)</t>
  </si>
  <si>
    <t xml:space="preserve">   24.2 - Máximo de 40% em Despesa com MDE, que não Remuneração do Magistério (19 - (21.2 + 22.2)) / (16) x 100) %</t>
  </si>
  <si>
    <t xml:space="preserve">   24.3 - Máximo de 5% não Aplicado no Exercício (100 - (24.1 + 24.2)) %</t>
  </si>
  <si>
    <t>28- EDUCAÇÃO INFANTIL</t>
  </si>
  <si>
    <t xml:space="preserve">    28.1 - Creche</t>
  </si>
  <si>
    <t xml:space="preserve">    28.2 - Pré-escola</t>
  </si>
  <si>
    <t xml:space="preserve">29- ENSINO FUNDAMENTAL </t>
  </si>
  <si>
    <t xml:space="preserve">    29.1- Despesas Custeadas com Recursos do FUNDEB </t>
  </si>
  <si>
    <t xml:space="preserve">    29.2- Despesas Custeadas com Outros Recursos de Impostos</t>
  </si>
  <si>
    <t xml:space="preserve">30- ENSINO MÉDIO </t>
  </si>
  <si>
    <t xml:space="preserve">    30.1- Despesas Custeadas com Recursos do FUNDEB </t>
  </si>
  <si>
    <t xml:space="preserve">    30.2- Despesas Custeadas com Outros Recursos de Impostos</t>
  </si>
  <si>
    <t>31- ENSINO SUPERIOR</t>
  </si>
  <si>
    <t>32- ENSINO PROFISSIONAL NÃO INTEGRADO AO ENSINO REGULAR</t>
  </si>
  <si>
    <t>33- OUTRAS</t>
  </si>
  <si>
    <t>34- TOTAL DAS DESPESAS COM AÇÕES TÍPICAS DE MDE (28 + 29 + 30 + 31 + 32 + 33)</t>
  </si>
  <si>
    <t>35- RESULTADO LÍQUIDO DAS TRANSFERÊNCIAS DO FUNDEB = (17)</t>
  </si>
  <si>
    <t>36- DESPESAS CUSTEADAS COM A COMPLEMENTAÇÃO DO FUNDEB NO EXERCÍCIO</t>
  </si>
  <si>
    <t>37- RECEITA DE APLICAÇÃO FINANCEIRA DOS RECURSOS DO FUNDEB ATÉ O BIMESTRE = (55 h)</t>
  </si>
  <si>
    <t>38- DESPESAS CUSTEADAS COM O SUPERÁVIT FINANCEIRO, DO EXERCÍCIO ANTERIOR, DO FUNDEB</t>
  </si>
  <si>
    <t>39- DESPESAS CUSTEADAS COM O SUPERÁVIT FINANCEIRO, DO EXERCÍCIO ANTERIOR, DE OUTROS RECURSOS DE IMPOSTOS</t>
  </si>
  <si>
    <t>51- RESTOS A PAGAR DE DESPESAS COM MDE</t>
  </si>
  <si>
    <t xml:space="preserve">   51.1 - Executadas com Recursos de Impostos Vinculados ao Ensino</t>
  </si>
  <si>
    <t xml:space="preserve">   51.2 - Executadas com Recursos do FUNDEB</t>
  </si>
  <si>
    <t>53- (+) INGRESSO DE RECURSOS ATÉ O BIMESTRE</t>
  </si>
  <si>
    <t>54- (-) PAGAMENTOS EFETUADOS ATÉ O BIMESTRE</t>
  </si>
  <si>
    <t xml:space="preserve">     54.1 Orçamento do Exercício</t>
  </si>
  <si>
    <t xml:space="preserve">     54.2 Restos a Pagar</t>
  </si>
  <si>
    <t>55- (+) RECEITA DE APLICAÇÃO FINANCEIRA DOS RECURSOS ATÉ O BIMESTRE</t>
  </si>
  <si>
    <t>56- (=) SALDO FINANCEIRO NO EXERCÍCIO ATUAL</t>
  </si>
  <si>
    <t>TOTAL DAS DESPESAS COM SAÚDE (V)</t>
  </si>
  <si>
    <t>INSCRITOS</t>
  </si>
  <si>
    <t>PARCELA CONSIDERADA NO LIMITE</t>
  </si>
  <si>
    <t>RESTOS A PAGAR PROCESSADOS E NÃO PROCESSADOS LIQUIDADOS EM EXERCÍCIOS ANTERIORES</t>
  </si>
  <si>
    <t>DESPESAS PAGAS ATÉ O BIMESTRE</t>
  </si>
  <si>
    <t>RECEITAS INTRA-ORÇAMENTÁRIAS</t>
  </si>
  <si>
    <t>DESPESAS INTRA-ORÇAMENTÁRIAS</t>
  </si>
  <si>
    <t>41- CANCELAMENTO, NO EXERCÍCIO, DE RESTOS A PAGAR INSCRITOS COM DISPONIBILIDADE FINANCEIRA DE RECURSOS DE IMPOSTOS VINCULADOS AO ENSINO = (51 j)</t>
  </si>
  <si>
    <t xml:space="preserve">(g) = (e-f) </t>
  </si>
  <si>
    <t>(i) = (e-h)</t>
  </si>
  <si>
    <t>(e) = (a-d)</t>
  </si>
  <si>
    <t>(d/total d)</t>
  </si>
  <si>
    <t xml:space="preserve">           Compensação Previdenciária do RPPS para o RGPS</t>
  </si>
  <si>
    <t xml:space="preserve">           Demais Receitas Correntes</t>
  </si>
  <si>
    <t>RECEITAS PREVIDENCIÁRIAS (INTRA-ORÇAMENTÁRIAS) (II)</t>
  </si>
  <si>
    <t>DESPESAS PREVIDENCIÁRIAS (INTRA-ORÇAMENTÁRIAS) (V)</t>
  </si>
  <si>
    <t>RESULTADO PREVIDENCIÁRIO (VII) = (III - VI)</t>
  </si>
  <si>
    <t>APORTES DE RECURSOS PARA O REGIME GERAL
DE PREVIDÊNCIA SOCIAL</t>
  </si>
  <si>
    <t>BENS E DIREITOS DO RPPS</t>
  </si>
  <si>
    <t xml:space="preserve">  Despesas Pagas</t>
  </si>
  <si>
    <t>Pagamento</t>
  </si>
  <si>
    <t>DEMONSTRATIVO DO RESULTADO NOMINAL</t>
  </si>
  <si>
    <t>RREO - ANEXO 5 (LRF, art 53, inciso III)</t>
  </si>
  <si>
    <t>DÍVIDA FISCAL LÍQUIDA</t>
  </si>
  <si>
    <t>DÍVIDA CONSOLIDADA (I)</t>
  </si>
  <si>
    <t xml:space="preserve">    Disponibilidade de Caixa bruta</t>
  </si>
  <si>
    <t xml:space="preserve">    Demais Haveres Financeiros</t>
  </si>
  <si>
    <t xml:space="preserve">    (-) Restos a Pagar Processados (Exceto precatórios)</t>
  </si>
  <si>
    <t>DÍVIDA CONSOLIDADA LÍQUIDA (III) = (I - II)</t>
  </si>
  <si>
    <t>RECEITA DE PRIVATIZAÇÕES (IV)</t>
  </si>
  <si>
    <t>PASSIVOS RECONHECIDOS (V)</t>
  </si>
  <si>
    <t>DÍVIDA FISCAL LÍQUIDA (VI) = (III + IV - V)</t>
  </si>
  <si>
    <t xml:space="preserve">RESULTADO NOMINAL </t>
  </si>
  <si>
    <t>(c-b)</t>
  </si>
  <si>
    <t>(c-a)</t>
  </si>
  <si>
    <t>DISCRIMINAÇÃO DA META FISCAL</t>
  </si>
  <si>
    <t>VALOR CORRENTE</t>
  </si>
  <si>
    <t>REGIME PREVIDENCIÁRIO</t>
  </si>
  <si>
    <t>DÍVIDA FISCAL LÍQUIDA PREVIDENCIÁRIA</t>
  </si>
  <si>
    <t>DÍVIDA CONSOLIDADA PREVIDENCIÁRIA (VII)</t>
  </si>
  <si>
    <t xml:space="preserve">    Passivo Atuarial</t>
  </si>
  <si>
    <t xml:space="preserve">    Demais Dívidas</t>
  </si>
  <si>
    <t>DEDUÇÕES (VIII)</t>
  </si>
  <si>
    <t xml:space="preserve">    Disponibilidade de Caixa Bruta</t>
  </si>
  <si>
    <t xml:space="preserve">    Investimentos</t>
  </si>
  <si>
    <t xml:space="preserve">    (-) Restos a Pagar Processados</t>
  </si>
  <si>
    <t>DÍVIDA CONSOLIDADA LÍQUIDA PREVIDENCIÁRIA (IX) = (VII - VIII)</t>
  </si>
  <si>
    <t>PASSIVOS RECONHECIDOS (X)</t>
  </si>
  <si>
    <t>DÍVIDA FISCAL LÍQUIDA PREVIDENCIÁRIA (XI) = (IX - X)</t>
  </si>
  <si>
    <t>DEMONSTRATIVO DO RESULTADO PRIMÁRIO - ESTADOS, DISTRITO FEDERAL E MUNICÍPIOS</t>
  </si>
  <si>
    <t>RREO - ANEXO 6 (LRF, art 53, inciso III)</t>
  </si>
  <si>
    <t>RECEITAS PRIMÁRIAS</t>
  </si>
  <si>
    <t>RECEITAS PRIMÁRIAS CORRENTES (I)</t>
  </si>
  <si>
    <t xml:space="preserve">    Receitas Tributárias</t>
  </si>
  <si>
    <t xml:space="preserve">    Receitas de Contribuições</t>
  </si>
  <si>
    <t xml:space="preserve">        Receitas Previdenciárias</t>
  </si>
  <si>
    <t xml:space="preserve">    Receita Patrimonial Líquida</t>
  </si>
  <si>
    <t xml:space="preserve">        (-) Aplicações Financeiras</t>
  </si>
  <si>
    <t xml:space="preserve">        Convênios</t>
  </si>
  <si>
    <t xml:space="preserve">        Outras Transferências Correntes</t>
  </si>
  <si>
    <t xml:space="preserve">    Demais Receitas Correntes</t>
  </si>
  <si>
    <t xml:space="preserve">        Dívida Ativa</t>
  </si>
  <si>
    <t xml:space="preserve">        Diversas Receitas Correntes</t>
  </si>
  <si>
    <t>RECEITAS DE CAPITAL (II)</t>
  </si>
  <si>
    <t xml:space="preserve">    Operações de Crédito (III)</t>
  </si>
  <si>
    <t xml:space="preserve">    Amortização de Empréstimos (IV)</t>
  </si>
  <si>
    <t xml:space="preserve">    Transferências de Capital</t>
  </si>
  <si>
    <t xml:space="preserve">        Outras Transferências de Capital</t>
  </si>
  <si>
    <t>RECEITAS PRIMÁRIAS DE CAPITAL (VI) = (II - III - IV - V)</t>
  </si>
  <si>
    <t>RECEITA PRIMÁRIA TOTAL  (VII) = (I + VI)</t>
  </si>
  <si>
    <t>DESPESAS PRIMÁRIAS</t>
  </si>
  <si>
    <t>DESPESAS CORRENTES (VIII)</t>
  </si>
  <si>
    <t xml:space="preserve">    Juros e Encargos da Dívida (IX)</t>
  </si>
  <si>
    <t>DESPESAS PRIMÁRIAS CORRENTES (X) = (VIII - IX)</t>
  </si>
  <si>
    <t>DESPESAS DE CAPITAL (XI)</t>
  </si>
  <si>
    <t xml:space="preserve">        Concessão de Empréstimos (XII)</t>
  </si>
  <si>
    <t xml:space="preserve">        Aquisição de Título de Capital já Integralizado (XIII)</t>
  </si>
  <si>
    <t xml:space="preserve">        Demais Inversões Financeiras</t>
  </si>
  <si>
    <t xml:space="preserve">    Amortização da Dívida (XIV)</t>
  </si>
  <si>
    <t>DESPESAS PRIMÁRIAS DE CAPITAL (XV) = (XI - XII - XIII - XIV)</t>
  </si>
  <si>
    <t>RESERVA DE CONTINGÊNCIA (XVI)</t>
  </si>
  <si>
    <t>RESERVA DO RPPS (XVII)</t>
  </si>
  <si>
    <t>DESPESA PRIMÁRIA TOTAL (XVIII) = (X + XV + XVI + XVII)</t>
  </si>
  <si>
    <t xml:space="preserve">RESULTADO PRIMÁRIO (XIX) = (VII - XVIII) </t>
  </si>
  <si>
    <t>SALDO DE EXERCÍCIOS ANTERIORES</t>
  </si>
  <si>
    <t>META DE RESULTADO PRIMÁRIO FIXADA NO ANEXO DE METAS FISCAIS DA LDO P/ O EXERCÍCIO DE REFERÊNCIA</t>
  </si>
  <si>
    <t xml:space="preserve"> RREO – ANEXO 8 (LDB, art. 72)</t>
  </si>
  <si>
    <t>50- TOTAL GERAL DAS DESPESAS COM MDE (34 + 49)</t>
  </si>
  <si>
    <r>
      <t>Inscritas em Restos a Pagar não Processados</t>
    </r>
    <r>
      <rPr>
        <b/>
        <vertAlign val="superscript"/>
        <sz val="8"/>
        <rFont val="Verdana"/>
        <family val="2"/>
      </rPr>
      <t>7</t>
    </r>
  </si>
  <si>
    <t>(h/Vf)x100</t>
  </si>
  <si>
    <t>(i/Vg)x100</t>
  </si>
  <si>
    <r>
      <t>PERCENTUAL DE APLICAÇÃO EM AÇÕES E SERVIÇOS PÚBLICOS DE SAÚDE SOBRE A RECEITA  DE IMPOSTOS LÍQUIDA E TRANSFERÊNCIAS CONSTITUCIONAIS E LEGAIS (VIII%) = (VIIi / IVb x 100) - LIMITE CONSTITUCIONAL 12%</t>
    </r>
    <r>
      <rPr>
        <b/>
        <vertAlign val="superscript"/>
        <sz val="8"/>
        <rFont val="Verdana"/>
        <family val="2"/>
      </rPr>
      <t>4 e 5</t>
    </r>
  </si>
  <si>
    <r>
      <t>VALOR REFERENTE À DIFERENÇA ENTRE O VALOR EXECUTADO E O LIMITE MÍNIMO CONSTITUCIONAL [VIIi - (12 x IVb)/100]</t>
    </r>
    <r>
      <rPr>
        <b/>
        <vertAlign val="superscript"/>
        <sz val="8"/>
        <rFont val="Verdana"/>
        <family val="2"/>
      </rPr>
      <t>6</t>
    </r>
  </si>
  <si>
    <r>
      <rPr>
        <vertAlign val="superscript"/>
        <sz val="8"/>
        <rFont val="Verdana"/>
        <family val="2"/>
      </rPr>
      <t>2</t>
    </r>
    <r>
      <rPr>
        <sz val="8"/>
        <rFont val="Verdana"/>
        <family val="2"/>
      </rPr>
      <t xml:space="preserve"> O valor apresentado na intercessão com a coluna "i" ou com a coluna "h+i"(último bimestre) deverá ser o mesmo apresentado no "total j".</t>
    </r>
  </si>
  <si>
    <r>
      <rPr>
        <vertAlign val="superscript"/>
        <sz val="8"/>
        <rFont val="Verdana"/>
        <family val="2"/>
      </rPr>
      <t>3</t>
    </r>
    <r>
      <rPr>
        <sz val="8"/>
        <rFont val="Verdana"/>
        <family val="2"/>
      </rPr>
      <t xml:space="preserve"> O valor apresentado na intercessão com a coluna "i" ou com a coluna "h+i"(último bimestre) deverá ser o mesmo apresentado no "total k".</t>
    </r>
  </si>
  <si>
    <r>
      <rPr>
        <vertAlign val="superscript"/>
        <sz val="8"/>
        <rFont val="Verdana"/>
        <family val="2"/>
      </rPr>
      <t>4</t>
    </r>
    <r>
      <rPr>
        <sz val="8"/>
        <rFont val="Verdana"/>
        <family val="2"/>
      </rPr>
      <t xml:space="preserve"> Limite anual mínimo a ser cumprido no encerramento do exercício. Deverá ser informado o limite estabelecido na Constituição do Estado quando o percentual nela definido for superior ao fixado na LC nº 141/2012.</t>
    </r>
  </si>
  <si>
    <r>
      <rPr>
        <vertAlign val="superscript"/>
        <sz val="8"/>
        <rFont val="Verdana"/>
        <family val="2"/>
      </rPr>
      <t>5</t>
    </r>
    <r>
      <rPr>
        <sz val="8"/>
        <rFont val="Verdana"/>
        <family val="2"/>
      </rPr>
      <t xml:space="preserve"> Durante o exercício esse valor servirá para o monitoramento previsto no art. 23 da LC 141/2012</t>
    </r>
  </si>
  <si>
    <r>
      <t>6</t>
    </r>
    <r>
      <rPr>
        <sz val="8"/>
        <rFont val="Verdana"/>
        <family val="2"/>
      </rPr>
      <t xml:space="preserve"> No último bimestre, será utilizada a fórmula [VII(h+i) - (12 x IVb)/100].</t>
    </r>
  </si>
  <si>
    <r>
      <rPr>
        <vertAlign val="superscript"/>
        <sz val="8"/>
        <rFont val="Verdana"/>
        <family val="2"/>
      </rPr>
      <t>7</t>
    </r>
    <r>
      <rPr>
        <sz val="8"/>
        <rFont val="Verdana"/>
        <family val="2"/>
      </rPr>
      <t xml:space="preserve"> Essa coluna poderá ser apresentada somente no último bimestre</t>
    </r>
  </si>
  <si>
    <r>
      <t>1</t>
    </r>
    <r>
      <rPr>
        <sz val="8"/>
        <rFont val="Verdana"/>
        <family val="2"/>
      </rPr>
      <t xml:space="preserve"> Limites mínimos anuais a serem cumpridos no encerramento do exercício.</t>
    </r>
  </si>
  <si>
    <r>
      <t xml:space="preserve">2 </t>
    </r>
    <r>
      <rPr>
        <sz val="8"/>
        <rFont val="Verdana"/>
        <family val="2"/>
      </rPr>
      <t>Art. 21, § 2º, Lei 11.494/2007: “Até 5% dos recursos recebidos à conta dos Fundos, inclusive relativos à complementação da União, recebidos nos termos do §1º do art. 6º desta Lei, poderão ser utilizados no 1º trimestre do exercício imediatamente subseqüente, mediante abertura de crédito adicional.”
   utilizados no 1º trimestre do exercício imediatamente subseqüente, mediante abertura de crédito adicional.”</t>
    </r>
    <r>
      <rPr>
        <vertAlign val="superscript"/>
        <sz val="8"/>
        <rFont val="Verdana"/>
        <family val="2"/>
      </rPr>
      <t xml:space="preserve">
</t>
    </r>
  </si>
  <si>
    <r>
      <t>3</t>
    </r>
    <r>
      <rPr>
        <sz val="8"/>
        <rFont val="Verdana"/>
        <family val="2"/>
      </rPr>
      <t xml:space="preserve"> Caput do artigo 212 da CF/1988</t>
    </r>
  </si>
  <si>
    <r>
      <t>4</t>
    </r>
    <r>
      <rPr>
        <sz val="8"/>
        <rFont val="Verdana"/>
        <family val="2"/>
      </rPr>
      <t xml:space="preserve"> Os valores referentes à parcela dos Restos a Pagar inscritos sem disponibilidade financeira vinculada à educação deverão ser informados somente no RREO do último bimestre do exercício.</t>
    </r>
  </si>
  <si>
    <r>
      <t xml:space="preserve">5 </t>
    </r>
    <r>
      <rPr>
        <sz val="8"/>
        <rFont val="Verdana"/>
        <family val="2"/>
      </rPr>
      <t>Limites mínimos anuais a serem cumpridos no encerramento do exercício</t>
    </r>
  </si>
  <si>
    <r>
      <rPr>
        <vertAlign val="superscript"/>
        <sz val="8"/>
        <rFont val="Verdana"/>
        <family val="2"/>
      </rPr>
      <t>6</t>
    </r>
    <r>
      <rPr>
        <sz val="8"/>
        <rFont val="Verdana"/>
        <family val="2"/>
      </rPr>
      <t xml:space="preserve"> Nos cinco primeiros bimestres do exercício o acompanhamento poderá ser feito com base na despesa empenhada ou na despesa liquidada. No último bimestre do exercício, o valor deverá corresponder ao total da despesa empenhada. </t>
    </r>
  </si>
  <si>
    <r>
      <t>INSCRITAS EM RESTOS A PAGAR NÃO PROCESSADOS</t>
    </r>
    <r>
      <rPr>
        <b/>
        <vertAlign val="superscript"/>
        <sz val="8"/>
        <rFont val="Verdana"/>
        <family val="2"/>
      </rPr>
      <t xml:space="preserve">2 </t>
    </r>
    <r>
      <rPr>
        <b/>
        <sz val="8"/>
        <rFont val="Verdana"/>
        <family val="2"/>
      </rPr>
      <t xml:space="preserve">                              (k) </t>
    </r>
  </si>
  <si>
    <r>
      <t xml:space="preserve">   24.1 - Mínimo de 60% do FUNDEB na Remuneração do Magistério</t>
    </r>
    <r>
      <rPr>
        <vertAlign val="superscript"/>
        <sz val="8"/>
        <rFont val="Verdana"/>
        <family val="2"/>
      </rPr>
      <t>1</t>
    </r>
    <r>
      <rPr>
        <sz val="8"/>
        <rFont val="Verdana"/>
        <family val="2"/>
      </rPr>
      <t xml:space="preserve"> (18 - (21.1 + 22.1)) / (16) x 100) %</t>
    </r>
  </si>
  <si>
    <t>ESTADO DE MATO GROSSO DO SUL</t>
  </si>
  <si>
    <t>LEGISLATIVA</t>
  </si>
  <si>
    <t xml:space="preserve">   Ação Legislativa</t>
  </si>
  <si>
    <t xml:space="preserve">   Controle Externo</t>
  </si>
  <si>
    <t>JUDICIÁRIA</t>
  </si>
  <si>
    <t xml:space="preserve">   Ação Judiciária</t>
  </si>
  <si>
    <t xml:space="preserve">   Defesa da Ordem Jurídica</t>
  </si>
  <si>
    <t xml:space="preserve">   Representação Judicial e Extrajudicial</t>
  </si>
  <si>
    <t>ADMINISTRAÇÃO</t>
  </si>
  <si>
    <t xml:space="preserve">   Planejamento e Orçamento</t>
  </si>
  <si>
    <t xml:space="preserve">   Administração Geral</t>
  </si>
  <si>
    <t xml:space="preserve">   Administração Financeira</t>
  </si>
  <si>
    <t xml:space="preserve">   Controle Interno</t>
  </si>
  <si>
    <t xml:space="preserve">   Tecnologia da Informação</t>
  </si>
  <si>
    <t xml:space="preserve">   Formação de Recursos Humanos</t>
  </si>
  <si>
    <t xml:space="preserve">   Administração de Concessões</t>
  </si>
  <si>
    <t xml:space="preserve">   Comunicação Social</t>
  </si>
  <si>
    <t>SEGURANÇA PÚBLICA</t>
  </si>
  <si>
    <t xml:space="preserve">   Policiamento</t>
  </si>
  <si>
    <t xml:space="preserve">   Defesa Civil</t>
  </si>
  <si>
    <t>ASSISTÊNCIA SOCIAL</t>
  </si>
  <si>
    <t xml:space="preserve">   Assistência Comunitária</t>
  </si>
  <si>
    <t>PREVIDÊNCIA SOCIAL</t>
  </si>
  <si>
    <t xml:space="preserve">   Previdência do Regime Estatutário</t>
  </si>
  <si>
    <t>SAÚDE</t>
  </si>
  <si>
    <t>TRABALHO</t>
  </si>
  <si>
    <t xml:space="preserve">   Atenção Básica</t>
  </si>
  <si>
    <t xml:space="preserve">   Assistência Hospitalar e Ambulatorial</t>
  </si>
  <si>
    <t xml:space="preserve">   Suporte Profilático e Terapêutico</t>
  </si>
  <si>
    <t xml:space="preserve">   Vigilância Sanitária</t>
  </si>
  <si>
    <t xml:space="preserve">   Vigilância Epidemiológica</t>
  </si>
  <si>
    <t xml:space="preserve">   Alimentação e Nutrição</t>
  </si>
  <si>
    <t xml:space="preserve">   Proteção e Benefícios ao Trabalhador</t>
  </si>
  <si>
    <t xml:space="preserve">   Fomento ao Trabalho</t>
  </si>
  <si>
    <t xml:space="preserve">   Ensino Fundamental</t>
  </si>
  <si>
    <t xml:space="preserve">   Ensino Médio</t>
  </si>
  <si>
    <t xml:space="preserve">   Ensino Profissional</t>
  </si>
  <si>
    <t xml:space="preserve">   Ensino Superior</t>
  </si>
  <si>
    <t xml:space="preserve">   Educação Infantil</t>
  </si>
  <si>
    <t xml:space="preserve">   Educação de Jovens e Adultos</t>
  </si>
  <si>
    <t xml:space="preserve">   Educação Especial</t>
  </si>
  <si>
    <t>EDUCAÇÃO</t>
  </si>
  <si>
    <t>CULTURA</t>
  </si>
  <si>
    <t xml:space="preserve">   Difusão Cultural</t>
  </si>
  <si>
    <t>DIREITOS DA CIDADANIA</t>
  </si>
  <si>
    <t xml:space="preserve">   Custódia e Reintegração Social</t>
  </si>
  <si>
    <t xml:space="preserve">   Direitos Individuais, Coletivos e Difusos</t>
  </si>
  <si>
    <t xml:space="preserve">   Assistência aos Povos Indígenas</t>
  </si>
  <si>
    <t>URBANISMO</t>
  </si>
  <si>
    <t xml:space="preserve">   Infra-Estrutura Urbana</t>
  </si>
  <si>
    <t xml:space="preserve">   Serviços Urbanos</t>
  </si>
  <si>
    <t>HABITAÇÃO</t>
  </si>
  <si>
    <t xml:space="preserve">   Habitação Urbana</t>
  </si>
  <si>
    <t>SANEAMENTO</t>
  </si>
  <si>
    <t xml:space="preserve">   Saneamento Básico Urbano</t>
  </si>
  <si>
    <t>GESTÃO AMBIENTAL</t>
  </si>
  <si>
    <t xml:space="preserve">   Preservação e Conservação Ambiental</t>
  </si>
  <si>
    <t xml:space="preserve">   Controle Ambiental</t>
  </si>
  <si>
    <t xml:space="preserve">   Recuperação de Áreas Degradadas</t>
  </si>
  <si>
    <t xml:space="preserve">   Recursos Hídricos</t>
  </si>
  <si>
    <t xml:space="preserve">   Meteorologia</t>
  </si>
  <si>
    <t>CIÊNCIA E TECNOLOGIA</t>
  </si>
  <si>
    <t xml:space="preserve">   Desenvolvimento Científico</t>
  </si>
  <si>
    <t xml:space="preserve">   Desenvolvimento Tecnológico e Engenharia</t>
  </si>
  <si>
    <t xml:space="preserve">   Difusão do Conhecimento Científico e Tecnológico</t>
  </si>
  <si>
    <t>AGRICULTURA</t>
  </si>
  <si>
    <t xml:space="preserve">   Extensão Rural</t>
  </si>
  <si>
    <t xml:space="preserve">   Irrigação</t>
  </si>
  <si>
    <t>ORGANIZAÇÃO AGRÁRIA</t>
  </si>
  <si>
    <t xml:space="preserve">   Reforma Agrária</t>
  </si>
  <si>
    <t>INDÚSTRIA</t>
  </si>
  <si>
    <t xml:space="preserve">   Promoção Industrial</t>
  </si>
  <si>
    <t xml:space="preserve">   Normalização e Qualidade</t>
  </si>
  <si>
    <t>COMÉRCIO E SERVIÇOS</t>
  </si>
  <si>
    <t xml:space="preserve">   Comercialização</t>
  </si>
  <si>
    <t xml:space="preserve">   Turismo</t>
  </si>
  <si>
    <t>COMUNICAÇÕES</t>
  </si>
  <si>
    <t>ENERGIA</t>
  </si>
  <si>
    <t xml:space="preserve">   Energia Elétrica</t>
  </si>
  <si>
    <t>TRANSPORTE</t>
  </si>
  <si>
    <t xml:space="preserve">   Transporte Áereo</t>
  </si>
  <si>
    <t xml:space="preserve">   Transporte Rodoviário</t>
  </si>
  <si>
    <t xml:space="preserve">   Transporte Ferroviário</t>
  </si>
  <si>
    <t xml:space="preserve">   Transporte Hidroviário</t>
  </si>
  <si>
    <t>DESPORTO E LAZER</t>
  </si>
  <si>
    <t xml:space="preserve">   Desporto de Rendimento</t>
  </si>
  <si>
    <t xml:space="preserve">   Desporto Comunitário</t>
  </si>
  <si>
    <t>ENCARGOS ESPECIAIS</t>
  </si>
  <si>
    <t xml:space="preserve">   Serviço da Dívida Interna</t>
  </si>
  <si>
    <t xml:space="preserve">   Serviço da Dívida Externa</t>
  </si>
  <si>
    <t xml:space="preserve">   Outros Encargos Especiais</t>
  </si>
  <si>
    <t>RESERVA</t>
  </si>
  <si>
    <t xml:space="preserve">   RESERVA DE CONTINGÊNCIA</t>
  </si>
  <si>
    <t xml:space="preserve">   RESERVA DO RPPS</t>
  </si>
  <si>
    <r>
      <t>INSCRITAS EM RESTOS A PAGAR NÃO PROCESSADOS</t>
    </r>
    <r>
      <rPr>
        <b/>
        <sz val="8"/>
        <rFont val="Verdana"/>
        <family val="2"/>
      </rPr>
      <t xml:space="preserve"> (f)</t>
    </r>
  </si>
  <si>
    <t>FUNÇÃO/SUBFUNÇÃO INTRA-ORÇAMENTÁRIA</t>
  </si>
  <si>
    <t>RREO - Anexo 2.1 (LRF, Art. 52, inciso II, alínea "c")</t>
  </si>
  <si>
    <t>TOTAL INTRA-ORÇAMENTÁRIA</t>
  </si>
  <si>
    <t xml:space="preserve">           Transferências a Municípios</t>
  </si>
  <si>
    <t xml:space="preserve">           Demais Despesas Correntes</t>
  </si>
  <si>
    <t>PLANO PREVIDENCIÁRIO - ORÇAMENTO DA SEGURIDADE SOCIAL</t>
  </si>
  <si>
    <t>PLANO FINANCEIRO - ORÇAMENTO DA SEGURIDADE SOCIAL</t>
  </si>
  <si>
    <t xml:space="preserve">                Pensionista</t>
  </si>
  <si>
    <t>TOTAL DAS DESPESAS PREVIDENCIÁRIAS - RPPS (VI) = (IV + V)</t>
  </si>
  <si>
    <t xml:space="preserve">   Comunicação Social </t>
  </si>
  <si>
    <t>ESSENCIAL A JUSTICA</t>
  </si>
  <si>
    <t xml:space="preserve">   Mineração </t>
  </si>
  <si>
    <t xml:space="preserve">   Assistência a Criança e ao Adolescente</t>
  </si>
  <si>
    <t xml:space="preserve">   Controle Interno </t>
  </si>
  <si>
    <t xml:space="preserve">   Educação Básica</t>
  </si>
  <si>
    <r>
      <rPr>
        <b/>
        <sz val="8"/>
        <rFont val="Verdana"/>
        <family val="2"/>
      </rPr>
      <t>HABITAÇÃO</t>
    </r>
    <r>
      <rPr>
        <b/>
        <sz val="8"/>
        <color rgb="FFFF0000"/>
        <rFont val="Verdana"/>
        <family val="2"/>
      </rPr>
      <t xml:space="preserve">   </t>
    </r>
  </si>
  <si>
    <t xml:space="preserve">   Administração Geral </t>
  </si>
  <si>
    <t xml:space="preserve">   Promoção da Produção Agropecuária</t>
  </si>
  <si>
    <t xml:space="preserve">   Defesa Agropecuária</t>
  </si>
  <si>
    <t xml:space="preserve">   Normalização e Qualidade </t>
  </si>
  <si>
    <t xml:space="preserve">   Outras Transferências</t>
  </si>
  <si>
    <t>ESSENCIAL A JUSTIÇA</t>
  </si>
  <si>
    <t xml:space="preserve">   Suporte profilático e Terapêutico</t>
  </si>
  <si>
    <t>COMUNICAÇÃO</t>
  </si>
  <si>
    <t xml:space="preserve">META DE RESULTADO NOMINAL FIXADA NO ANEXO DE METAS FISCAIS DA LDO P/ O EXERCÍCIO DE REFERÊNCIA </t>
  </si>
  <si>
    <t>TOTAL DAS RECEITAS PREVIDENCIÁRIAS - RPPS (III) = (I + II)</t>
  </si>
  <si>
    <t>TOTAL DAS RECEITAS PREVIDENCIÁRIAS INTRA-ORÇAMENTÁRIAS
(XI) = (VIII + IX)</t>
  </si>
  <si>
    <t xml:space="preserve">           Para Cobertura de Déficit Atuarial</t>
  </si>
  <si>
    <t xml:space="preserve">           Em Regime de Débitos e Parcelamentos</t>
  </si>
  <si>
    <t>EXECUTIVO</t>
  </si>
  <si>
    <t>LEGISLATIVO</t>
  </si>
  <si>
    <t xml:space="preserve">    Assembléia Legislativa</t>
  </si>
  <si>
    <t xml:space="preserve">    Tribunal de Contas do Estado</t>
  </si>
  <si>
    <t xml:space="preserve">    FUNTC</t>
  </si>
  <si>
    <t>JUDICIÁRIO</t>
  </si>
  <si>
    <t xml:space="preserve">    Tribunal de Justiça do Estado</t>
  </si>
  <si>
    <t xml:space="preserve">    FUNJECC</t>
  </si>
  <si>
    <t xml:space="preserve">    Procuradoria Geral de Justiça</t>
  </si>
  <si>
    <t xml:space="preserve">    FEADMP-MS</t>
  </si>
  <si>
    <r>
      <t xml:space="preserve">13- OUTRAS RECEITAS </t>
    </r>
    <r>
      <rPr>
        <b/>
        <sz val="8"/>
        <color indexed="8"/>
        <rFont val="Verdana"/>
        <family val="2"/>
      </rPr>
      <t xml:space="preserve">PARA </t>
    </r>
    <r>
      <rPr>
        <b/>
        <sz val="8"/>
        <rFont val="Verdana"/>
        <family val="2"/>
      </rPr>
      <t>FINANCIAMENTO</t>
    </r>
    <r>
      <rPr>
        <b/>
        <sz val="8"/>
        <color indexed="8"/>
        <rFont val="Verdana"/>
        <family val="2"/>
      </rPr>
      <t xml:space="preserve"> DO ENSINO</t>
    </r>
  </si>
  <si>
    <r>
      <t>INSCRITAS EM RESTOS A PAGAR NÃO PROCESSADOS</t>
    </r>
    <r>
      <rPr>
        <b/>
        <vertAlign val="superscript"/>
        <sz val="8"/>
        <rFont val="Verdana"/>
        <family val="2"/>
      </rPr>
      <t>7</t>
    </r>
  </si>
  <si>
    <r>
      <t>27- IMPOSTOS E TRANSFERÊNCIAS DESTINADAS À MDE (25% de 8)</t>
    </r>
    <r>
      <rPr>
        <b/>
        <vertAlign val="superscript"/>
        <sz val="8"/>
        <rFont val="Verdana"/>
        <family val="2"/>
      </rPr>
      <t>3</t>
    </r>
  </si>
  <si>
    <r>
      <t>40- RESTOS A PAGAR INSCRITOS NO EXERCÍCIO SEM DISPONIBILIDADE FINANCEIRA DE RECURSOS DE IMPOSTOS VINCULADOS AO ENSINO</t>
    </r>
    <r>
      <rPr>
        <b/>
        <vertAlign val="superscript"/>
        <sz val="8"/>
        <rFont val="Verdana"/>
        <family val="2"/>
      </rPr>
      <t>4</t>
    </r>
  </si>
  <si>
    <r>
      <t>42- TOTAL DAS DEDUÇÕES CONSIDERADAS PARA FINS DO LIMITE CONSTITUCIONAL (35 + 36 + 37 + 38 + 39 + 40 + 41)</t>
    </r>
    <r>
      <rPr>
        <b/>
        <vertAlign val="superscript"/>
        <sz val="8"/>
        <rFont val="Verdana"/>
        <family val="2"/>
      </rPr>
      <t>6</t>
    </r>
  </si>
  <si>
    <r>
      <t>43- TOTAL DAS DESPESAS PARA FINS DE LIMITE (34 – 42)</t>
    </r>
    <r>
      <rPr>
        <b/>
        <vertAlign val="superscript"/>
        <sz val="8"/>
        <rFont val="Verdana"/>
        <family val="2"/>
      </rPr>
      <t>6</t>
    </r>
  </si>
  <si>
    <r>
      <t>44- MÍNIMO DE 25% DAS RECEITAS RESULTANTES DE IMPOSTOS EM MDE</t>
    </r>
    <r>
      <rPr>
        <b/>
        <vertAlign val="superscript"/>
        <sz val="8"/>
        <rFont val="Verdana"/>
        <family val="2"/>
      </rPr>
      <t>5</t>
    </r>
    <r>
      <rPr>
        <b/>
        <sz val="8"/>
        <rFont val="Verdana"/>
        <family val="2"/>
      </rPr>
      <t xml:space="preserve"> ((43) / (8) x 100) %</t>
    </r>
    <r>
      <rPr>
        <b/>
        <vertAlign val="superscript"/>
        <sz val="8"/>
        <rFont val="Verdana"/>
        <family val="2"/>
      </rPr>
      <t>6</t>
    </r>
  </si>
  <si>
    <r>
      <t xml:space="preserve">45- </t>
    </r>
    <r>
      <rPr>
        <b/>
        <sz val="8"/>
        <color indexed="8"/>
        <rFont val="Verdana"/>
        <family val="2"/>
      </rPr>
      <t>DESPESAS CUSTEADAS COM A</t>
    </r>
    <r>
      <rPr>
        <b/>
        <sz val="8"/>
        <rFont val="Verdana"/>
        <family val="2"/>
      </rPr>
      <t xml:space="preserve"> APLICAÇÃO FINANCEIRA DE OUTROS RECURSOS DE IMPOSTOS VINCULADOS AO ENSINO</t>
    </r>
  </si>
  <si>
    <r>
      <t xml:space="preserve">46- </t>
    </r>
    <r>
      <rPr>
        <b/>
        <sz val="8"/>
        <color indexed="8"/>
        <rFont val="Verdana"/>
        <family val="2"/>
      </rPr>
      <t xml:space="preserve">DESPESAS CUSTEADAS COM A </t>
    </r>
    <r>
      <rPr>
        <b/>
        <sz val="8"/>
        <rFont val="Verdana"/>
        <family val="2"/>
      </rPr>
      <t>CONTRIBUIÇÃO SOCIAL DO SALÁRIO-EDUCAÇÃO</t>
    </r>
  </si>
  <si>
    <r>
      <t xml:space="preserve">47- </t>
    </r>
    <r>
      <rPr>
        <b/>
        <sz val="8"/>
        <color indexed="8"/>
        <rFont val="Verdana"/>
        <family val="2"/>
      </rPr>
      <t xml:space="preserve">DESPESAS CUSTEADAS COM </t>
    </r>
    <r>
      <rPr>
        <b/>
        <sz val="8"/>
        <rFont val="Verdana"/>
        <family val="2"/>
      </rPr>
      <t>OPERAÇÕES DE CRÉDITO</t>
    </r>
  </si>
  <si>
    <r>
      <t xml:space="preserve">48- </t>
    </r>
    <r>
      <rPr>
        <b/>
        <sz val="8"/>
        <color indexed="8"/>
        <rFont val="Verdana"/>
        <family val="2"/>
      </rPr>
      <t xml:space="preserve">DESPESAS CUSTEADAS COM OUTRAS RECEITAS PARA </t>
    </r>
    <r>
      <rPr>
        <b/>
        <sz val="8"/>
        <rFont val="Verdana"/>
        <family val="2"/>
      </rPr>
      <t>FINANCIAMENTO</t>
    </r>
    <r>
      <rPr>
        <b/>
        <sz val="8"/>
        <color indexed="8"/>
        <rFont val="Verdana"/>
        <family val="2"/>
      </rPr>
      <t xml:space="preserve"> DO ENSINO</t>
    </r>
  </si>
  <si>
    <r>
      <t xml:space="preserve">49- TOTAL DAS OUTRAS DESPESAS CUSTEADAS COM </t>
    </r>
    <r>
      <rPr>
        <b/>
        <sz val="8"/>
        <color indexed="8"/>
        <rFont val="Verdana"/>
        <family val="2"/>
      </rPr>
      <t xml:space="preserve">RECEITAS ADICIONAIS PARA </t>
    </r>
    <r>
      <rPr>
        <b/>
        <sz val="8"/>
        <rFont val="Verdana"/>
        <family val="2"/>
      </rPr>
      <t>FINANCIAMENTO</t>
    </r>
    <r>
      <rPr>
        <b/>
        <sz val="8"/>
        <color indexed="8"/>
        <rFont val="Verdana"/>
        <family val="2"/>
      </rPr>
      <t xml:space="preserve"> DO ENSINO</t>
    </r>
    <r>
      <rPr>
        <b/>
        <sz val="8"/>
        <rFont val="Verdana"/>
        <family val="2"/>
      </rPr>
      <t xml:space="preserve"> (45 + 46 + 47 + 48)</t>
    </r>
  </si>
  <si>
    <t>DOTAÇÃO INICIAL</t>
  </si>
  <si>
    <r>
      <t>RESTOS A PAGAR NÃO PROCESSADOS INSCRITOS INDEVIDAMENTE NO EXERCÍCIO SEM DISPONIBILIDADE FINANCEIRA</t>
    </r>
    <r>
      <rPr>
        <b/>
        <vertAlign val="superscript"/>
        <sz val="8"/>
        <rFont val="Verdana"/>
        <family val="2"/>
      </rPr>
      <t>1</t>
    </r>
  </si>
  <si>
    <r>
      <t>DESPESAS CUSTEADAS COM DISPONIBILIDADE DE CAIXA VINCULADA AOS RESTOS A PAGAR CANCELADOS</t>
    </r>
    <r>
      <rPr>
        <b/>
        <vertAlign val="superscript"/>
        <sz val="8"/>
        <rFont val="Verdana"/>
        <family val="2"/>
      </rPr>
      <t>2</t>
    </r>
  </si>
  <si>
    <r>
      <t>DESPESAS CUSTEADAS COM RECURSOS VINCULADOS À PARCELA DO PERCENTUAL MÍNIMO QUE NÃO FOI APLICADA EM AÇÕES E SERVIÇOS DE SAÚDE EM EXERCÍCIOS ANTERIORES</t>
    </r>
    <r>
      <rPr>
        <b/>
        <vertAlign val="superscript"/>
        <sz val="8"/>
        <rFont val="Verdana"/>
        <family val="2"/>
      </rPr>
      <t>3</t>
    </r>
  </si>
  <si>
    <t>CANCELADOS PRESCRITOS</t>
  </si>
  <si>
    <t>Inscritos em Exercícios Anteriores</t>
  </si>
  <si>
    <t>Restos a Pagar Cancelados ou Prescritos em Exercícios Anteriores</t>
  </si>
  <si>
    <t>Restos a Pagar Cancelados ou Prescritos em 2014</t>
  </si>
  <si>
    <t>Diferença de limite não cumprido em Exercício Anteriores</t>
  </si>
  <si>
    <t>Diferença de limite não cumprido em 2014</t>
  </si>
  <si>
    <t>Valor apurado Até o Bimestre</t>
  </si>
  <si>
    <t>Mínimo Anual de 25% das Receitas de Impostos na Manutenção e Desenvolvimento do Ensino</t>
  </si>
  <si>
    <t>14- TOTAL DAS RECEITAS ADICIONAIS PARA FINANCIAMENTOS DO ENSINO (9 + 10 + 11 + 12 + 13)</t>
  </si>
  <si>
    <t xml:space="preserve">        Cota-Parte do FPE</t>
  </si>
  <si>
    <t xml:space="preserve">   Refinanciamento da Dívida Interna</t>
  </si>
  <si>
    <t xml:space="preserve">   Vigilância Epidemiologica</t>
  </si>
  <si>
    <t xml:space="preserve">   Formação de Recursos Humanos </t>
  </si>
  <si>
    <t xml:space="preserve">     Alienação de Bens, Direitos e Ativos</t>
  </si>
  <si>
    <t xml:space="preserve">     Outras Receitas de Capital</t>
  </si>
  <si>
    <t xml:space="preserve">     Amortização de Empréstimos</t>
  </si>
  <si>
    <t>25 – RECURSOS RECEBIDOS DO FUNDEB EM 2014 QUE NÃO FORAM UTILIZADOS</t>
  </si>
  <si>
    <r>
      <t>26 – DESPESAS CUSTEADAS COM O SALDO DO ITEM 25 ATÉ O 1º TRIMESTRE DE 2014</t>
    </r>
    <r>
      <rPr>
        <b/>
        <vertAlign val="superscript"/>
        <sz val="8"/>
        <rFont val="Verdana"/>
        <family val="2"/>
      </rPr>
      <t>2</t>
    </r>
  </si>
  <si>
    <t>RREO - Anexo 14 (LRF, Art. 48)</t>
  </si>
  <si>
    <t>DEMONSTRATIVO DAS PARCERIAS PÚBLICO-PRIVADAS</t>
  </si>
  <si>
    <t>RREO - Anexo 13 (Lei nº 11.079, de 30.12.2004, arts. 22, 25 e 28)</t>
  </si>
  <si>
    <t xml:space="preserve">SALDO TOTAL EM </t>
  </si>
  <si>
    <t>SALDO TOTAL</t>
  </si>
  <si>
    <t>31 DE DEZEMBRO DO</t>
  </si>
  <si>
    <t>No bimestre</t>
  </si>
  <si>
    <t>Até o bimestre</t>
  </si>
  <si>
    <t>EXERCÍCIO ANTERIOR</t>
  </si>
  <si>
    <t>(c) = (a + b)</t>
  </si>
  <si>
    <t>TOTAL DE ATIVOS</t>
  </si>
  <si>
    <t xml:space="preserve">    Direitos Futuros</t>
  </si>
  <si>
    <t xml:space="preserve">    Ativos Contabilizados na SPE</t>
  </si>
  <si>
    <t xml:space="preserve">    Contrapartida para Provisões de PPP</t>
  </si>
  <si>
    <t>TOTAL DE PASSIVOS (I)</t>
  </si>
  <si>
    <t xml:space="preserve">    Obrigações Não Relacionadas a Serviços</t>
  </si>
  <si>
    <t xml:space="preserve">    Contrapartida para Ativos da SPE</t>
  </si>
  <si>
    <t xml:space="preserve">    Provisões de PPP</t>
  </si>
  <si>
    <t>GARANTIAS DE PPP (II)</t>
  </si>
  <si>
    <t>SALDO LÍQUIDO DE PASSIVOS DE PPP (III) = (I-II)</t>
  </si>
  <si>
    <t>PASSIVOS CONTINGENTES</t>
  </si>
  <si>
    <t xml:space="preserve">    Contraprestações Futuras</t>
  </si>
  <si>
    <t xml:space="preserve">    Riscos Não Provisionados</t>
  </si>
  <si>
    <t xml:space="preserve">    Outros Passivos Contingentes</t>
  </si>
  <si>
    <t>ATIVOS CONTINGENTES</t>
  </si>
  <si>
    <t xml:space="preserve">    Serviços Futuros</t>
  </si>
  <si>
    <t xml:space="preserve">    Outros Ativos Contingentes</t>
  </si>
  <si>
    <t xml:space="preserve">EXERCÍCIO </t>
  </si>
  <si>
    <t>EXERCÍCIO</t>
  </si>
  <si>
    <t>DESPESAS DE PPP</t>
  </si>
  <si>
    <t>ANTERIOR</t>
  </si>
  <si>
    <t>CORRENTE</t>
  </si>
  <si>
    <t>Do Ente Federado</t>
  </si>
  <si>
    <t>Das Estatais Não-Dependentes</t>
  </si>
  <si>
    <t>TOTAL DAS DESPESAS</t>
  </si>
  <si>
    <t>RECEITA CORRENTE LÍQUIDA (RCL)</t>
  </si>
  <si>
    <t>TOTAL DAS DESPESAS / RCL (%)</t>
  </si>
  <si>
    <t>Nota:</t>
  </si>
  <si>
    <t>RECEITA RESULTANTE DE IMPOSTOS</t>
  </si>
  <si>
    <t>(caput do art. 212 da Constituição)</t>
  </si>
  <si>
    <t>RECEITAS ADICIONAIS PARA FINANCIAMENTO DO ENSINO</t>
  </si>
  <si>
    <t xml:space="preserve">   Promoção Comercial</t>
  </si>
  <si>
    <t>FONTE: SPF - Sistema de Planejamento e Finanças do Estado de MS.</t>
  </si>
  <si>
    <t>RREO - Anexo 1.1 (LRF, Art. 52, inciso I, alíneas "a" e "b" do inciso II e §1º)</t>
  </si>
  <si>
    <t>RECEITAS ORÇAMENTÁRIAS</t>
  </si>
  <si>
    <t>DESPESAS ORÇAMENTÁRIAS</t>
  </si>
  <si>
    <t xml:space="preserve">    Alienação de Bens (V)</t>
  </si>
  <si>
    <t>SET/2015</t>
  </si>
  <si>
    <t>OUT/2015</t>
  </si>
  <si>
    <t xml:space="preserve">       Transferências Constitucionais e Legais</t>
  </si>
  <si>
    <t xml:space="preserve">       Demais Despesas Correntes</t>
  </si>
  <si>
    <t>NOV/2015</t>
  </si>
  <si>
    <t>DEZ/2015</t>
  </si>
  <si>
    <t>JAN/2016</t>
  </si>
  <si>
    <t>FEV/2016</t>
  </si>
  <si>
    <t>2016</t>
  </si>
  <si>
    <t xml:space="preserve">   Saneamento Básico Rural</t>
  </si>
  <si>
    <t xml:space="preserve">   DesenvolvimentoTecnológico e Engenharia</t>
  </si>
  <si>
    <t xml:space="preserve">   Assistência à Criança e ao Adolescente</t>
  </si>
  <si>
    <t xml:space="preserve">   Promoção da Produção Vegetal</t>
  </si>
  <si>
    <t xml:space="preserve">   Promoção da Produção Animal</t>
  </si>
  <si>
    <t xml:space="preserve">   Defesa Sanitária Animal</t>
  </si>
  <si>
    <t xml:space="preserve">   Transferências</t>
  </si>
  <si>
    <t xml:space="preserve">   Conservação deEnergia</t>
  </si>
  <si>
    <t>Em 31/Dez/2015</t>
  </si>
  <si>
    <t xml:space="preserve"> Em 2016</t>
  </si>
  <si>
    <t>Em 2015</t>
  </si>
  <si>
    <t>Inscritos em 2015</t>
  </si>
  <si>
    <t>REGISTROS EFETUADOS EM 2016</t>
  </si>
  <si>
    <t>52- SALDO FINANCEIRO EM 31 DE DEZEMBRO DE 2015</t>
  </si>
  <si>
    <t xml:space="preserve">   Compensações Financeiras provenientes de Impostos e Transferências Constitucionais</t>
  </si>
  <si>
    <t>CANCELADO EM 2016 (j)</t>
  </si>
  <si>
    <t>Saldo Final</t>
  </si>
  <si>
    <t xml:space="preserve"> (Não Aplicado)</t>
  </si>
  <si>
    <t>Resultado</t>
  </si>
  <si>
    <t xml:space="preserve"> Apurado</t>
  </si>
  <si>
    <t>MAR/2016</t>
  </si>
  <si>
    <t>ABR/2016</t>
  </si>
  <si>
    <t xml:space="preserve"> </t>
  </si>
  <si>
    <t>MAI/2016</t>
  </si>
  <si>
    <t>JUN/2016</t>
  </si>
  <si>
    <t>Em 30/Jun/2016</t>
  </si>
  <si>
    <t>Diferença de limite não cumprido em 2015</t>
  </si>
  <si>
    <t>Inscritos em 2014</t>
  </si>
  <si>
    <t xml:space="preserve">           Integralização do Capital Social</t>
  </si>
  <si>
    <t>JANEIRO A AGOSTO DE 2016 - BIMESTRE JULHO-AGOSTO</t>
  </si>
  <si>
    <t>SETEMBRO 2015 A AGOSTO 2016</t>
  </si>
  <si>
    <t>JUL/2016</t>
  </si>
  <si>
    <t>AGO/2016</t>
  </si>
  <si>
    <t>Em 31/Ago/2016</t>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7" formatCode="&quot;R$&quot;\ #,##0.00;\-&quot;R$&quot;\ #,##0.00"/>
    <numFmt numFmtId="43" formatCode="_-* #,##0.00_-;\-* #,##0.00_-;_-* &quot;-&quot;??_-;_-@_-"/>
    <numFmt numFmtId="164" formatCode="&quot;R$ &quot;#,##0.00_);[Red]\(&quot;R$ &quot;#,##0.00\)"/>
    <numFmt numFmtId="165" formatCode="_(* #,##0.00_);_(* \(#,##0.00\);_(* &quot;-&quot;??_);_(@_)"/>
    <numFmt numFmtId="166" formatCode="#,##0.0_);\(#,##0.0\)"/>
    <numFmt numFmtId="167" formatCode="&quot;R$&quot;\ #,##0.00"/>
    <numFmt numFmtId="169" formatCode="&quot;R$&quot;\ #,##0.00;[Red]&quot;R$&quot;\ #,##0.00"/>
  </numFmts>
  <fonts count="29" x14ac:knownFonts="1">
    <font>
      <sz val="10"/>
      <name val="Arial"/>
    </font>
    <font>
      <i/>
      <sz val="8"/>
      <name val="Times New Roman"/>
      <family val="1"/>
    </font>
    <font>
      <sz val="10"/>
      <name val="Arial"/>
      <family val="2"/>
    </font>
    <font>
      <sz val="10"/>
      <name val="Arial"/>
      <family val="2"/>
    </font>
    <font>
      <sz val="8"/>
      <name val="Verdana"/>
      <family val="2"/>
    </font>
    <font>
      <b/>
      <sz val="8"/>
      <name val="Verdana"/>
      <family val="2"/>
    </font>
    <font>
      <sz val="8"/>
      <color indexed="10"/>
      <name val="Verdana"/>
      <family val="2"/>
    </font>
    <font>
      <strike/>
      <sz val="8"/>
      <color rgb="FFFF0000"/>
      <name val="Verdana"/>
      <family val="2"/>
    </font>
    <font>
      <b/>
      <sz val="8"/>
      <color indexed="8"/>
      <name val="Verdana"/>
      <family val="2"/>
    </font>
    <font>
      <sz val="8"/>
      <color indexed="8"/>
      <name val="Verdana"/>
      <family val="2"/>
    </font>
    <font>
      <b/>
      <u/>
      <sz val="8"/>
      <name val="Verdana"/>
      <family val="2"/>
    </font>
    <font>
      <b/>
      <vertAlign val="superscript"/>
      <sz val="8"/>
      <name val="Verdana"/>
      <family val="2"/>
    </font>
    <font>
      <vertAlign val="superscript"/>
      <sz val="8"/>
      <name val="Verdana"/>
      <family val="2"/>
    </font>
    <font>
      <b/>
      <strike/>
      <sz val="8"/>
      <color rgb="FFFF0000"/>
      <name val="Verdana"/>
      <family val="2"/>
    </font>
    <font>
      <i/>
      <sz val="8"/>
      <name val="Verdana"/>
      <family val="2"/>
    </font>
    <font>
      <b/>
      <sz val="8"/>
      <color rgb="FF000000"/>
      <name val="Verdana"/>
      <family val="2"/>
    </font>
    <font>
      <b/>
      <sz val="8"/>
      <color rgb="FFFF0000"/>
      <name val="Verdana"/>
      <family val="2"/>
    </font>
    <font>
      <b/>
      <sz val="11"/>
      <color rgb="FFFF0000"/>
      <name val="Verdana"/>
      <family val="2"/>
    </font>
    <font>
      <sz val="10"/>
      <name val="Arial"/>
      <family val="2"/>
    </font>
    <font>
      <sz val="8"/>
      <name val="Verdana"/>
      <family val="2"/>
    </font>
    <font>
      <sz val="8"/>
      <name val="Verdana"/>
      <family val="2"/>
    </font>
    <font>
      <sz val="8"/>
      <color indexed="8"/>
      <name val="Verdana"/>
      <family val="2"/>
    </font>
    <font>
      <b/>
      <sz val="8"/>
      <name val="Verdana"/>
      <family val="2"/>
    </font>
    <font>
      <sz val="8"/>
      <name val="Verdana"/>
      <family val="2"/>
    </font>
    <font>
      <sz val="8"/>
      <name val="Verdana"/>
      <family val="2"/>
    </font>
    <font>
      <b/>
      <sz val="8"/>
      <name val="Verdana"/>
      <family val="2"/>
    </font>
    <font>
      <b/>
      <sz val="8"/>
      <name val="Verdana"/>
      <family val="2"/>
    </font>
    <font>
      <sz val="8"/>
      <name val="Verdana"/>
      <family val="2"/>
    </font>
    <font>
      <sz val="8"/>
      <name val="Verdana"/>
    </font>
  </fonts>
  <fills count="5">
    <fill>
      <patternFill patternType="none"/>
    </fill>
    <fill>
      <patternFill patternType="gray125"/>
    </fill>
    <fill>
      <patternFill patternType="solid">
        <fgColor theme="0" tint="-0.14999847407452621"/>
        <bgColor indexed="64"/>
      </patternFill>
    </fill>
    <fill>
      <patternFill patternType="solid">
        <fgColor theme="0"/>
        <bgColor indexed="64"/>
      </patternFill>
    </fill>
    <fill>
      <patternFill patternType="solid">
        <fgColor theme="0" tint="-0.14996795556505021"/>
        <bgColor indexed="64"/>
      </patternFill>
    </fill>
  </fills>
  <borders count="16">
    <border>
      <left/>
      <right/>
      <top/>
      <bottom/>
      <diagonal/>
    </border>
    <border>
      <left style="thin">
        <color indexed="64"/>
      </left>
      <right/>
      <top/>
      <bottom style="thin">
        <color indexed="64"/>
      </bottom>
      <diagonal/>
    </border>
    <border>
      <left style="thin">
        <color indexed="64"/>
      </left>
      <right style="thin">
        <color indexed="64"/>
      </right>
      <top/>
      <bottom/>
      <diagonal/>
    </border>
    <border>
      <left/>
      <right style="thin">
        <color indexed="64"/>
      </right>
      <top/>
      <bottom/>
      <diagonal/>
    </border>
    <border>
      <left/>
      <right/>
      <top style="thin">
        <color indexed="64"/>
      </top>
      <bottom/>
      <diagonal/>
    </border>
    <border>
      <left/>
      <right/>
      <top style="thin">
        <color indexed="64"/>
      </top>
      <bottom style="thin">
        <color indexed="64"/>
      </bottom>
      <diagonal/>
    </border>
    <border>
      <left/>
      <right style="thin">
        <color indexed="64"/>
      </right>
      <top style="thin">
        <color indexed="64"/>
      </top>
      <bottom/>
      <diagonal/>
    </border>
    <border>
      <left/>
      <right/>
      <top/>
      <bottom style="thin">
        <color indexed="64"/>
      </bottom>
      <diagonal/>
    </border>
    <border>
      <left style="thin">
        <color indexed="64"/>
      </left>
      <right/>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s>
  <cellStyleXfs count="6">
    <xf numFmtId="0" fontId="0" fillId="0" borderId="0"/>
    <xf numFmtId="0" fontId="2" fillId="0" borderId="0"/>
    <xf numFmtId="0" fontId="2" fillId="0" borderId="0"/>
    <xf numFmtId="165" fontId="2" fillId="0" borderId="0" applyFont="0" applyFill="0" applyBorder="0" applyAlignment="0" applyProtection="0"/>
    <xf numFmtId="165" fontId="3" fillId="0" borderId="0" applyFont="0" applyFill="0" applyBorder="0" applyAlignment="0" applyProtection="0"/>
    <xf numFmtId="43" fontId="18" fillId="0" borderId="0" applyFont="0" applyFill="0" applyBorder="0" applyAlignment="0" applyProtection="0"/>
  </cellStyleXfs>
  <cellXfs count="1061">
    <xf numFmtId="0" fontId="0" fillId="0" borderId="0" xfId="0"/>
    <xf numFmtId="0" fontId="4" fillId="0" borderId="0" xfId="0" applyFont="1" applyFill="1" applyAlignment="1">
      <alignment vertical="center"/>
    </xf>
    <xf numFmtId="0" fontId="5" fillId="2" borderId="15" xfId="0" applyFont="1" applyFill="1" applyBorder="1" applyAlignment="1">
      <alignment horizontal="center" vertical="center"/>
    </xf>
    <xf numFmtId="37" fontId="5" fillId="2" borderId="15" xfId="0" applyNumberFormat="1" applyFont="1" applyFill="1" applyBorder="1" applyAlignment="1">
      <alignment horizontal="center" vertical="center"/>
    </xf>
    <xf numFmtId="0" fontId="8" fillId="2" borderId="0" xfId="0" applyFont="1" applyFill="1" applyAlignment="1">
      <alignment horizontal="center" vertical="center"/>
    </xf>
    <xf numFmtId="0" fontId="5" fillId="3" borderId="0" xfId="1" applyFont="1" applyFill="1" applyBorder="1" applyAlignment="1">
      <alignment horizontal="left" vertical="center" wrapText="1"/>
    </xf>
    <xf numFmtId="0" fontId="5" fillId="3" borderId="0" xfId="0" applyFont="1" applyFill="1" applyBorder="1" applyAlignment="1">
      <alignment horizontal="left" vertical="center" wrapText="1"/>
    </xf>
    <xf numFmtId="0" fontId="5" fillId="0" borderId="0" xfId="1" applyFont="1" applyFill="1" applyBorder="1" applyAlignment="1">
      <alignment horizontal="left" vertical="center" wrapText="1"/>
    </xf>
    <xf numFmtId="0" fontId="5" fillId="3" borderId="4" xfId="1" applyFont="1" applyFill="1" applyBorder="1" applyAlignment="1">
      <alignment horizontal="center" vertical="center" wrapText="1"/>
    </xf>
    <xf numFmtId="0" fontId="5" fillId="3" borderId="14" xfId="1" applyFont="1" applyFill="1" applyBorder="1" applyAlignment="1">
      <alignment horizontal="center" vertical="center" wrapText="1"/>
    </xf>
    <xf numFmtId="0" fontId="4" fillId="3" borderId="0" xfId="1" applyFont="1" applyFill="1" applyBorder="1" applyAlignment="1">
      <alignment horizontal="left" vertical="center" wrapText="1"/>
    </xf>
    <xf numFmtId="0" fontId="5" fillId="3" borderId="0" xfId="1" applyFont="1" applyFill="1" applyBorder="1" applyAlignment="1">
      <alignment horizontal="center" vertical="center" wrapText="1"/>
    </xf>
    <xf numFmtId="0" fontId="5" fillId="3" borderId="2" xfId="1" applyFont="1" applyFill="1" applyBorder="1" applyAlignment="1">
      <alignment horizontal="center" vertical="center" wrapText="1"/>
    </xf>
    <xf numFmtId="0" fontId="5" fillId="3" borderId="7" xfId="1" applyFont="1" applyFill="1" applyBorder="1" applyAlignment="1">
      <alignment horizontal="left" vertical="center" wrapText="1"/>
    </xf>
    <xf numFmtId="0" fontId="4" fillId="0" borderId="0" xfId="1" applyFont="1" applyFill="1" applyBorder="1" applyAlignment="1">
      <alignment horizontal="left" vertical="center" wrapText="1"/>
    </xf>
    <xf numFmtId="37" fontId="4" fillId="0" borderId="5" xfId="0" applyNumberFormat="1" applyFont="1" applyFill="1" applyBorder="1" applyAlignment="1">
      <alignment horizontal="center" vertical="center"/>
    </xf>
    <xf numFmtId="0" fontId="5" fillId="2" borderId="1" xfId="0" applyNumberFormat="1" applyFont="1" applyFill="1" applyBorder="1" applyAlignment="1">
      <alignment horizontal="center" vertical="center"/>
    </xf>
    <xf numFmtId="0" fontId="4" fillId="0" borderId="0" xfId="0" applyFont="1" applyBorder="1" applyAlignment="1">
      <alignment vertical="center" wrapText="1"/>
    </xf>
    <xf numFmtId="0" fontId="4" fillId="0" borderId="0" xfId="1" applyFont="1" applyFill="1" applyAlignment="1">
      <alignment vertical="center"/>
    </xf>
    <xf numFmtId="0" fontId="4" fillId="0" borderId="0" xfId="0" applyFont="1" applyFill="1" applyAlignment="1">
      <alignment horizontal="center" vertical="center"/>
    </xf>
    <xf numFmtId="0" fontId="4" fillId="0" borderId="0" xfId="0" applyFont="1" applyFill="1" applyBorder="1" applyAlignment="1">
      <alignment vertical="center"/>
    </xf>
    <xf numFmtId="0" fontId="4" fillId="0" borderId="6" xfId="0" applyFont="1" applyFill="1" applyBorder="1" applyAlignment="1">
      <alignment vertical="center"/>
    </xf>
    <xf numFmtId="0" fontId="4" fillId="0" borderId="3" xfId="0" applyFont="1" applyFill="1" applyBorder="1" applyAlignment="1">
      <alignment vertical="center"/>
    </xf>
    <xf numFmtId="0" fontId="4" fillId="0" borderId="2" xfId="0" applyFont="1" applyFill="1" applyBorder="1" applyAlignment="1">
      <alignment horizontal="center" vertical="center"/>
    </xf>
    <xf numFmtId="0" fontId="4" fillId="0" borderId="2" xfId="0" applyFont="1" applyFill="1" applyBorder="1" applyAlignment="1">
      <alignment vertical="center"/>
    </xf>
    <xf numFmtId="0" fontId="4" fillId="0" borderId="5" xfId="0" applyFont="1" applyFill="1" applyBorder="1" applyAlignment="1">
      <alignment vertical="center"/>
    </xf>
    <xf numFmtId="49" fontId="4" fillId="0" borderId="0" xfId="0" applyNumberFormat="1" applyFont="1" applyFill="1" applyAlignment="1">
      <alignment vertical="center"/>
    </xf>
    <xf numFmtId="49" fontId="5" fillId="2" borderId="5" xfId="0" applyNumberFormat="1" applyFont="1" applyFill="1" applyBorder="1" applyAlignment="1">
      <alignment vertical="center"/>
    </xf>
    <xf numFmtId="37" fontId="4" fillId="0" borderId="0" xfId="0" applyNumberFormat="1" applyFont="1" applyFill="1" applyBorder="1" applyAlignment="1">
      <alignment vertical="center"/>
    </xf>
    <xf numFmtId="49" fontId="4" fillId="0" borderId="3" xfId="0" applyNumberFormat="1" applyFont="1" applyFill="1" applyBorder="1" applyAlignment="1">
      <alignment vertical="center"/>
    </xf>
    <xf numFmtId="49" fontId="4" fillId="0" borderId="12" xfId="0" applyNumberFormat="1" applyFont="1" applyFill="1" applyBorder="1" applyAlignment="1">
      <alignment vertical="center"/>
    </xf>
    <xf numFmtId="49" fontId="4" fillId="0" borderId="0" xfId="0" applyNumberFormat="1" applyFont="1" applyFill="1" applyBorder="1" applyAlignment="1">
      <alignment horizontal="center" vertical="center"/>
    </xf>
    <xf numFmtId="0" fontId="5" fillId="2" borderId="14"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12" xfId="0" applyFont="1" applyFill="1" applyBorder="1" applyAlignment="1">
      <alignment horizontal="center" vertical="center"/>
    </xf>
    <xf numFmtId="0" fontId="5" fillId="2" borderId="3" xfId="0" applyFont="1" applyFill="1" applyBorder="1" applyAlignment="1">
      <alignment horizontal="center" vertical="center"/>
    </xf>
    <xf numFmtId="0" fontId="4" fillId="0" borderId="7" xfId="1" applyFont="1" applyFill="1" applyBorder="1" applyAlignment="1">
      <alignment horizontal="left" vertical="center" wrapText="1"/>
    </xf>
    <xf numFmtId="0" fontId="4" fillId="2" borderId="0" xfId="1" applyFont="1" applyFill="1" applyBorder="1" applyAlignment="1">
      <alignment horizontal="center" vertical="center"/>
    </xf>
    <xf numFmtId="0" fontId="5" fillId="0" borderId="0" xfId="0" applyNumberFormat="1" applyFont="1" applyFill="1" applyAlignment="1">
      <alignment vertical="center"/>
    </xf>
    <xf numFmtId="0" fontId="4" fillId="0" borderId="0" xfId="0" applyNumberFormat="1" applyFont="1" applyFill="1" applyAlignment="1">
      <alignment vertical="center"/>
    </xf>
    <xf numFmtId="49" fontId="4" fillId="0" borderId="0" xfId="0" applyNumberFormat="1" applyFont="1" applyFill="1" applyAlignment="1">
      <alignment horizontal="center" vertical="center"/>
    </xf>
    <xf numFmtId="166" fontId="5" fillId="2" borderId="8" xfId="0" applyNumberFormat="1" applyFont="1" applyFill="1" applyBorder="1" applyAlignment="1">
      <alignment horizontal="center" vertical="center"/>
    </xf>
    <xf numFmtId="49" fontId="5" fillId="2" borderId="8" xfId="0" applyNumberFormat="1" applyFont="1" applyFill="1" applyBorder="1" applyAlignment="1">
      <alignment horizontal="center" vertical="center"/>
    </xf>
    <xf numFmtId="0" fontId="5" fillId="2" borderId="12" xfId="0" applyFont="1" applyFill="1" applyBorder="1" applyAlignment="1">
      <alignment vertical="center"/>
    </xf>
    <xf numFmtId="49" fontId="4" fillId="0" borderId="3" xfId="0" applyNumberFormat="1" applyFont="1" applyFill="1" applyBorder="1" applyAlignment="1">
      <alignment vertical="center" wrapText="1"/>
    </xf>
    <xf numFmtId="49" fontId="4" fillId="0" borderId="3" xfId="0" applyNumberFormat="1" applyFont="1" applyFill="1" applyBorder="1" applyAlignment="1">
      <alignment horizontal="left" vertical="center"/>
    </xf>
    <xf numFmtId="0" fontId="9" fillId="0" borderId="0" xfId="0" applyFont="1" applyFill="1" applyAlignment="1">
      <alignment vertical="center"/>
    </xf>
    <xf numFmtId="0" fontId="9" fillId="0" borderId="3" xfId="0" applyFont="1" applyFill="1" applyBorder="1" applyAlignment="1">
      <alignment horizontal="justify" vertical="center" wrapText="1"/>
    </xf>
    <xf numFmtId="0" fontId="4" fillId="0" borderId="3" xfId="0" applyFont="1" applyFill="1" applyBorder="1" applyAlignment="1">
      <alignment horizontal="justify" vertical="center" wrapText="1"/>
    </xf>
    <xf numFmtId="0" fontId="9" fillId="0" borderId="0" xfId="0" applyFont="1" applyFill="1" applyAlignment="1">
      <alignment horizontal="left" vertical="center"/>
    </xf>
    <xf numFmtId="0" fontId="4" fillId="0" borderId="0" xfId="0" applyNumberFormat="1" applyFont="1" applyFill="1" applyBorder="1" applyAlignment="1">
      <alignment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0" fontId="5" fillId="2" borderId="8" xfId="0" applyNumberFormat="1" applyFont="1" applyFill="1" applyBorder="1" applyAlignment="1">
      <alignment horizontal="center" vertical="center" wrapText="1"/>
    </xf>
    <xf numFmtId="0" fontId="5" fillId="2" borderId="8" xfId="0" applyNumberFormat="1" applyFont="1" applyFill="1" applyBorder="1" applyAlignment="1">
      <alignment horizontal="center" vertical="center"/>
    </xf>
    <xf numFmtId="0" fontId="5" fillId="2" borderId="7" xfId="0" applyNumberFormat="1" applyFont="1" applyFill="1" applyBorder="1" applyAlignment="1">
      <alignment vertical="center"/>
    </xf>
    <xf numFmtId="0" fontId="5" fillId="0" borderId="0" xfId="0" applyNumberFormat="1" applyFont="1" applyFill="1" applyBorder="1" applyAlignment="1">
      <alignment vertical="center"/>
    </xf>
    <xf numFmtId="0" fontId="4" fillId="0" borderId="0" xfId="0" applyNumberFormat="1" applyFont="1" applyFill="1" applyBorder="1" applyAlignment="1">
      <alignment horizontal="left" vertical="center"/>
    </xf>
    <xf numFmtId="0" fontId="4" fillId="0" borderId="5" xfId="0" applyNumberFormat="1" applyFont="1" applyFill="1" applyBorder="1" applyAlignment="1">
      <alignment vertical="center"/>
    </xf>
    <xf numFmtId="0" fontId="4" fillId="0" borderId="4" xfId="0" applyNumberFormat="1" applyFont="1" applyFill="1" applyBorder="1" applyAlignment="1">
      <alignment vertical="center"/>
    </xf>
    <xf numFmtId="0" fontId="5" fillId="0" borderId="0" xfId="0" applyFont="1" applyFill="1" applyAlignment="1">
      <alignment vertical="center"/>
    </xf>
    <xf numFmtId="37" fontId="4" fillId="0" borderId="0" xfId="0" applyNumberFormat="1" applyFont="1" applyFill="1" applyAlignment="1">
      <alignment vertical="center"/>
    </xf>
    <xf numFmtId="0" fontId="4" fillId="0" borderId="7" xfId="0" applyFont="1" applyFill="1" applyBorder="1" applyAlignment="1">
      <alignment vertical="center"/>
    </xf>
    <xf numFmtId="0" fontId="4" fillId="0" borderId="12" xfId="0" applyFont="1" applyFill="1" applyBorder="1" applyAlignment="1">
      <alignment vertical="center"/>
    </xf>
    <xf numFmtId="0" fontId="7" fillId="0" borderId="0" xfId="0" applyFont="1" applyFill="1" applyBorder="1" applyAlignment="1">
      <alignment vertical="center"/>
    </xf>
    <xf numFmtId="37" fontId="7" fillId="0" borderId="0" xfId="0" applyNumberFormat="1" applyFont="1" applyFill="1" applyBorder="1" applyAlignment="1">
      <alignment vertical="center"/>
    </xf>
    <xf numFmtId="0" fontId="5" fillId="2" borderId="3" xfId="0" applyFont="1" applyFill="1" applyBorder="1" applyAlignment="1">
      <alignment vertical="center"/>
    </xf>
    <xf numFmtId="0" fontId="5" fillId="2" borderId="13" xfId="0" applyFont="1" applyFill="1" applyBorder="1" applyAlignment="1">
      <alignment horizontal="center" vertical="center"/>
    </xf>
    <xf numFmtId="0" fontId="4" fillId="0" borderId="4" xfId="0" applyFont="1" applyFill="1" applyBorder="1" applyAlignment="1">
      <alignment vertical="center"/>
    </xf>
    <xf numFmtId="9" fontId="4" fillId="0" borderId="5" xfId="0" applyNumberFormat="1" applyFont="1" applyFill="1" applyBorder="1" applyAlignment="1">
      <alignment vertical="center"/>
    </xf>
    <xf numFmtId="0" fontId="4" fillId="0" borderId="0" xfId="1" applyFont="1" applyAlignment="1">
      <alignment vertical="center"/>
    </xf>
    <xf numFmtId="0" fontId="4" fillId="3" borderId="0" xfId="1" applyFont="1" applyFill="1" applyAlignment="1">
      <alignment vertical="center"/>
    </xf>
    <xf numFmtId="0" fontId="5" fillId="2" borderId="14" xfId="1" applyFont="1" applyFill="1" applyBorder="1" applyAlignment="1">
      <alignment horizontal="center" vertical="center"/>
    </xf>
    <xf numFmtId="0" fontId="5" fillId="2" borderId="2" xfId="1" applyFont="1" applyFill="1" applyBorder="1" applyAlignment="1">
      <alignment horizontal="center" vertical="center"/>
    </xf>
    <xf numFmtId="0" fontId="4" fillId="0" borderId="4" xfId="1" applyFont="1" applyFill="1" applyBorder="1" applyAlignment="1">
      <alignment vertical="center"/>
    </xf>
    <xf numFmtId="0" fontId="4" fillId="3" borderId="0" xfId="1" applyFont="1" applyFill="1" applyAlignment="1">
      <alignment vertical="center" wrapText="1"/>
    </xf>
    <xf numFmtId="0" fontId="4" fillId="0" borderId="3" xfId="1" applyFont="1" applyFill="1" applyBorder="1" applyAlignment="1">
      <alignment vertical="center"/>
    </xf>
    <xf numFmtId="0" fontId="4" fillId="0" borderId="0" xfId="1" applyFont="1" applyFill="1" applyBorder="1" applyAlignment="1">
      <alignment vertical="center"/>
    </xf>
    <xf numFmtId="0" fontId="5" fillId="0" borderId="5" xfId="1" applyFont="1" applyFill="1" applyBorder="1" applyAlignment="1">
      <alignment vertical="center" wrapText="1"/>
    </xf>
    <xf numFmtId="0" fontId="4" fillId="0" borderId="5" xfId="1" applyFont="1" applyFill="1" applyBorder="1" applyAlignment="1">
      <alignment vertical="center"/>
    </xf>
    <xf numFmtId="0" fontId="5" fillId="0" borderId="0" xfId="1" applyFont="1" applyFill="1" applyBorder="1" applyAlignment="1">
      <alignment vertical="center"/>
    </xf>
    <xf numFmtId="0" fontId="4" fillId="3" borderId="0" xfId="1" applyFont="1" applyFill="1" applyBorder="1" applyAlignment="1">
      <alignment vertical="center"/>
    </xf>
    <xf numFmtId="0" fontId="4" fillId="0" borderId="7" xfId="1" applyFont="1" applyFill="1" applyBorder="1" applyAlignment="1">
      <alignment vertical="center"/>
    </xf>
    <xf numFmtId="0" fontId="5" fillId="0" borderId="5" xfId="1" applyFont="1" applyFill="1" applyBorder="1" applyAlignment="1">
      <alignment vertical="center"/>
    </xf>
    <xf numFmtId="0" fontId="4" fillId="0" borderId="5" xfId="1" applyFont="1" applyBorder="1" applyAlignment="1">
      <alignment vertical="center"/>
    </xf>
    <xf numFmtId="0" fontId="4" fillId="0" borderId="11" xfId="1" applyFont="1" applyBorder="1" applyAlignment="1">
      <alignment vertical="center"/>
    </xf>
    <xf numFmtId="0" fontId="4" fillId="0" borderId="8" xfId="1" applyFont="1" applyBorder="1" applyAlignment="1">
      <alignment vertical="center"/>
    </xf>
    <xf numFmtId="0" fontId="4" fillId="0" borderId="1" xfId="1" applyFont="1" applyBorder="1" applyAlignment="1">
      <alignment vertical="center"/>
    </xf>
    <xf numFmtId="0" fontId="4" fillId="0" borderId="5" xfId="1" applyFont="1" applyFill="1" applyBorder="1" applyAlignment="1">
      <alignment horizontal="center" vertical="center"/>
    </xf>
    <xf numFmtId="0" fontId="5" fillId="2" borderId="1" xfId="1" applyFont="1" applyFill="1" applyBorder="1" applyAlignment="1">
      <alignment vertical="center"/>
    </xf>
    <xf numFmtId="0" fontId="4" fillId="3" borderId="3" xfId="1" applyFont="1" applyFill="1" applyBorder="1" applyAlignment="1">
      <alignment vertical="center"/>
    </xf>
    <xf numFmtId="0" fontId="5" fillId="0" borderId="5" xfId="1" applyFont="1" applyFill="1" applyBorder="1" applyAlignment="1">
      <alignment horizontal="center" vertical="center" wrapText="1"/>
    </xf>
    <xf numFmtId="0" fontId="4" fillId="0" borderId="0" xfId="1" applyFont="1" applyBorder="1" applyAlignment="1">
      <alignment vertical="center"/>
    </xf>
    <xf numFmtId="0" fontId="5" fillId="0" borderId="4" xfId="1" applyFont="1" applyFill="1" applyBorder="1" applyAlignment="1">
      <alignment vertical="center" wrapText="1"/>
    </xf>
    <xf numFmtId="0" fontId="4" fillId="3" borderId="0" xfId="0" applyFont="1" applyFill="1" applyBorder="1" applyAlignment="1">
      <alignment vertical="center"/>
    </xf>
    <xf numFmtId="0" fontId="4" fillId="0" borderId="0" xfId="0" applyFont="1" applyBorder="1" applyAlignment="1">
      <alignment vertical="center"/>
    </xf>
    <xf numFmtId="0" fontId="4" fillId="0" borderId="7" xfId="1" applyFont="1" applyBorder="1" applyAlignment="1">
      <alignment vertical="center"/>
    </xf>
    <xf numFmtId="0" fontId="12" fillId="0" borderId="0" xfId="1" applyFont="1" applyFill="1" applyBorder="1" applyAlignment="1">
      <alignment vertical="center"/>
    </xf>
    <xf numFmtId="0" fontId="12" fillId="0" borderId="0" xfId="1" applyFont="1" applyFill="1" applyAlignment="1">
      <alignment vertical="center"/>
    </xf>
    <xf numFmtId="0" fontId="12" fillId="0" borderId="0" xfId="1" applyFont="1" applyAlignment="1">
      <alignment vertical="center"/>
    </xf>
    <xf numFmtId="0" fontId="9" fillId="0" borderId="3" xfId="1" applyFont="1" applyBorder="1" applyAlignment="1">
      <alignment horizontal="left" vertical="center" wrapText="1"/>
    </xf>
    <xf numFmtId="0" fontId="4" fillId="0" borderId="3" xfId="1" applyFont="1" applyFill="1" applyBorder="1" applyAlignment="1">
      <alignment vertical="center" wrapText="1"/>
    </xf>
    <xf numFmtId="0" fontId="4" fillId="0" borderId="5" xfId="1" applyFont="1" applyBorder="1" applyAlignment="1">
      <alignment horizontal="left" vertical="center" wrapText="1"/>
    </xf>
    <xf numFmtId="0" fontId="5" fillId="2" borderId="6" xfId="0" applyFont="1" applyFill="1" applyBorder="1" applyAlignment="1">
      <alignment vertical="center"/>
    </xf>
    <xf numFmtId="0" fontId="5" fillId="2" borderId="13" xfId="0" applyFont="1" applyFill="1" applyBorder="1" applyAlignment="1">
      <alignment vertical="center"/>
    </xf>
    <xf numFmtId="0" fontId="14" fillId="0" borderId="0" xfId="0" applyFont="1" applyFill="1" applyAlignment="1">
      <alignment horizontal="right" vertical="center"/>
    </xf>
    <xf numFmtId="49" fontId="4" fillId="0" borderId="0" xfId="0" applyNumberFormat="1" applyFont="1" applyFill="1" applyBorder="1" applyAlignment="1">
      <alignment vertical="center"/>
    </xf>
    <xf numFmtId="49" fontId="4" fillId="0" borderId="0" xfId="1" applyNumberFormat="1" applyFont="1" applyFill="1" applyBorder="1" applyAlignment="1">
      <alignment vertical="center" wrapText="1"/>
    </xf>
    <xf numFmtId="0" fontId="5" fillId="2" borderId="5" xfId="0" applyFont="1" applyFill="1" applyBorder="1" applyAlignment="1">
      <alignment vertical="center"/>
    </xf>
    <xf numFmtId="0" fontId="4" fillId="0" borderId="3" xfId="0" applyNumberFormat="1" applyFont="1" applyFill="1" applyBorder="1" applyAlignment="1">
      <alignment horizontal="left" vertical="center"/>
    </xf>
    <xf numFmtId="0" fontId="5" fillId="0" borderId="5" xfId="0" applyNumberFormat="1" applyFont="1" applyFill="1" applyBorder="1" applyAlignment="1">
      <alignment vertical="center"/>
    </xf>
    <xf numFmtId="0" fontId="5" fillId="2" borderId="5" xfId="0" applyNumberFormat="1" applyFont="1" applyFill="1" applyBorder="1" applyAlignment="1">
      <alignment vertical="center"/>
    </xf>
    <xf numFmtId="0" fontId="4" fillId="0" borderId="0" xfId="0" applyFont="1" applyBorder="1" applyAlignment="1">
      <alignment horizontal="justify" vertical="center" wrapText="1"/>
    </xf>
    <xf numFmtId="0" fontId="4" fillId="0" borderId="4" xfId="0" applyFont="1" applyBorder="1" applyAlignment="1">
      <alignment horizontal="right" vertical="center" wrapText="1"/>
    </xf>
    <xf numFmtId="0" fontId="4" fillId="0" borderId="7" xfId="0" applyFont="1" applyBorder="1" applyAlignment="1">
      <alignment horizontal="justify" vertical="center" wrapText="1"/>
    </xf>
    <xf numFmtId="37" fontId="4" fillId="0" borderId="5" xfId="0" applyNumberFormat="1" applyFont="1" applyFill="1" applyBorder="1" applyAlignment="1">
      <alignment vertical="center"/>
    </xf>
    <xf numFmtId="0" fontId="4" fillId="0" borderId="3" xfId="0" applyFont="1" applyBorder="1" applyAlignment="1">
      <alignment horizontal="justify" vertical="center" wrapText="1"/>
    </xf>
    <xf numFmtId="0" fontId="5" fillId="2" borderId="12" xfId="0" applyFont="1" applyFill="1" applyBorder="1" applyAlignment="1">
      <alignment vertical="center" wrapText="1"/>
    </xf>
    <xf numFmtId="0" fontId="4" fillId="0" borderId="5" xfId="0" applyFont="1" applyFill="1" applyBorder="1" applyAlignment="1">
      <alignment horizontal="left" vertical="center" wrapText="1"/>
    </xf>
    <xf numFmtId="49" fontId="4" fillId="0" borderId="7" xfId="0" applyNumberFormat="1" applyFont="1" applyFill="1" applyBorder="1" applyAlignment="1">
      <alignment vertical="center"/>
    </xf>
    <xf numFmtId="49" fontId="4" fillId="0" borderId="0" xfId="0" applyNumberFormat="1" applyFont="1" applyFill="1" applyBorder="1" applyAlignment="1">
      <alignment horizontal="left" vertical="center"/>
    </xf>
    <xf numFmtId="0" fontId="10" fillId="2" borderId="6" xfId="0" applyFont="1" applyFill="1" applyBorder="1" applyAlignment="1">
      <alignment vertical="center"/>
    </xf>
    <xf numFmtId="49" fontId="5" fillId="0" borderId="0" xfId="0" applyNumberFormat="1" applyFont="1" applyFill="1" applyBorder="1" applyAlignment="1">
      <alignment vertical="center"/>
    </xf>
    <xf numFmtId="49" fontId="5" fillId="0" borderId="3" xfId="0" applyNumberFormat="1" applyFont="1" applyFill="1" applyBorder="1" applyAlignment="1">
      <alignment horizontal="left" vertical="center"/>
    </xf>
    <xf numFmtId="49" fontId="5" fillId="0" borderId="0" xfId="0" applyNumberFormat="1" applyFont="1" applyFill="1" applyAlignment="1">
      <alignment vertical="center"/>
    </xf>
    <xf numFmtId="49" fontId="4" fillId="0" borderId="0" xfId="0" applyNumberFormat="1" applyFont="1" applyFill="1" applyAlignment="1">
      <alignment horizontal="right" vertical="center"/>
    </xf>
    <xf numFmtId="49" fontId="6" fillId="0" borderId="0" xfId="0" applyNumberFormat="1" applyFont="1" applyFill="1" applyAlignment="1">
      <alignment vertical="center"/>
    </xf>
    <xf numFmtId="49" fontId="5" fillId="2" borderId="9" xfId="0" applyNumberFormat="1" applyFont="1" applyFill="1" applyBorder="1" applyAlignment="1">
      <alignment horizontal="center" vertical="center"/>
    </xf>
    <xf numFmtId="49" fontId="5" fillId="0" borderId="0" xfId="1" applyNumberFormat="1" applyFont="1" applyFill="1" applyAlignment="1">
      <alignment vertical="center"/>
    </xf>
    <xf numFmtId="49" fontId="4" fillId="0" borderId="0" xfId="1" applyNumberFormat="1" applyFont="1" applyFill="1" applyAlignment="1">
      <alignment horizontal="center" vertical="center"/>
    </xf>
    <xf numFmtId="49" fontId="4" fillId="0" borderId="0" xfId="1" applyNumberFormat="1" applyFont="1" applyAlignment="1">
      <alignment vertical="center"/>
    </xf>
    <xf numFmtId="49" fontId="4" fillId="0" borderId="0" xfId="1" applyNumberFormat="1" applyFont="1" applyFill="1" applyAlignment="1">
      <alignment vertical="center"/>
    </xf>
    <xf numFmtId="49" fontId="4" fillId="3" borderId="0" xfId="1" applyNumberFormat="1" applyFont="1" applyFill="1" applyAlignment="1">
      <alignment vertical="center"/>
    </xf>
    <xf numFmtId="49" fontId="4" fillId="0" borderId="0" xfId="0" applyNumberFormat="1" applyFont="1" applyFill="1" applyAlignment="1">
      <alignment horizontal="left" vertical="center"/>
    </xf>
    <xf numFmtId="0" fontId="4" fillId="0" borderId="0" xfId="1" applyNumberFormat="1" applyFont="1" applyAlignment="1">
      <alignment vertical="center"/>
    </xf>
    <xf numFmtId="0" fontId="4" fillId="0" borderId="0" xfId="1" applyNumberFormat="1" applyFont="1" applyFill="1" applyAlignment="1">
      <alignment vertical="center"/>
    </xf>
    <xf numFmtId="0" fontId="5" fillId="0" borderId="3" xfId="0" applyFont="1" applyFill="1" applyBorder="1" applyAlignment="1">
      <alignment vertical="center"/>
    </xf>
    <xf numFmtId="0" fontId="15" fillId="0" borderId="3" xfId="0" applyFont="1" applyFill="1" applyBorder="1" applyAlignment="1">
      <alignment horizontal="left" vertical="center" wrapText="1"/>
    </xf>
    <xf numFmtId="0" fontId="5" fillId="4" borderId="9" xfId="0" applyNumberFormat="1" applyFont="1" applyFill="1" applyBorder="1" applyAlignment="1">
      <alignment vertical="center"/>
    </xf>
    <xf numFmtId="0" fontId="5" fillId="0" borderId="3" xfId="0" applyFont="1" applyFill="1" applyBorder="1" applyAlignment="1">
      <alignment vertical="center" wrapText="1"/>
    </xf>
    <xf numFmtId="49" fontId="5" fillId="0" borderId="3" xfId="0" applyNumberFormat="1" applyFont="1" applyFill="1" applyBorder="1" applyAlignment="1">
      <alignment vertical="center"/>
    </xf>
    <xf numFmtId="0" fontId="8" fillId="0" borderId="12" xfId="0" applyFont="1" applyFill="1" applyBorder="1" applyAlignment="1">
      <alignment horizontal="justify" vertical="center" wrapText="1"/>
    </xf>
    <xf numFmtId="49" fontId="5" fillId="0" borderId="9" xfId="0" applyNumberFormat="1" applyFont="1" applyFill="1" applyBorder="1" applyAlignment="1">
      <alignment vertical="center"/>
    </xf>
    <xf numFmtId="49" fontId="5" fillId="0" borderId="5" xfId="0" applyNumberFormat="1" applyFont="1" applyFill="1" applyBorder="1" applyAlignment="1">
      <alignment vertical="center"/>
    </xf>
    <xf numFmtId="0" fontId="5" fillId="0" borderId="7" xfId="0" applyNumberFormat="1" applyFont="1" applyFill="1" applyBorder="1" applyAlignment="1">
      <alignment vertical="center"/>
    </xf>
    <xf numFmtId="0" fontId="5" fillId="0" borderId="0" xfId="0" applyNumberFormat="1" applyFont="1" applyFill="1" applyBorder="1" applyAlignment="1">
      <alignment vertical="center" wrapText="1"/>
    </xf>
    <xf numFmtId="0" fontId="4" fillId="0" borderId="0" xfId="0" applyFont="1" applyFill="1" applyAlignment="1">
      <alignment vertical="center"/>
    </xf>
    <xf numFmtId="49" fontId="5" fillId="0" borderId="0" xfId="0" applyNumberFormat="1" applyFont="1" applyFill="1" applyAlignment="1">
      <alignment vertical="center"/>
    </xf>
    <xf numFmtId="0" fontId="4" fillId="0" borderId="4" xfId="0" applyFont="1" applyFill="1" applyBorder="1" applyAlignment="1">
      <alignment vertical="center" wrapText="1"/>
    </xf>
    <xf numFmtId="0" fontId="5" fillId="0" borderId="0" xfId="0" applyFont="1" applyFill="1" applyBorder="1" applyAlignment="1">
      <alignment vertical="center"/>
    </xf>
    <xf numFmtId="0" fontId="5" fillId="0" borderId="3" xfId="0" applyFont="1" applyBorder="1" applyAlignment="1">
      <alignment horizontal="justify" vertical="center" wrapText="1"/>
    </xf>
    <xf numFmtId="0" fontId="5" fillId="0" borderId="12" xfId="0" applyFont="1" applyFill="1" applyBorder="1" applyAlignment="1">
      <alignment vertical="center" wrapText="1"/>
    </xf>
    <xf numFmtId="37" fontId="5" fillId="0" borderId="0" xfId="0" applyNumberFormat="1" applyFont="1" applyFill="1" applyBorder="1" applyAlignment="1">
      <alignment horizontal="left" vertical="center"/>
    </xf>
    <xf numFmtId="0" fontId="5" fillId="0" borderId="0" xfId="0" applyFont="1" applyBorder="1" applyAlignment="1">
      <alignment horizontal="justify" vertical="center" wrapText="1"/>
    </xf>
    <xf numFmtId="0" fontId="5" fillId="0" borderId="3" xfId="0" applyFont="1" applyFill="1" applyBorder="1" applyAlignment="1">
      <alignment horizontal="left" vertical="center"/>
    </xf>
    <xf numFmtId="0" fontId="5" fillId="0" borderId="0" xfId="0" applyFont="1" applyFill="1" applyAlignment="1">
      <alignment vertical="center" wrapText="1"/>
    </xf>
    <xf numFmtId="0" fontId="5" fillId="2" borderId="9" xfId="0" applyFont="1" applyFill="1" applyBorder="1" applyAlignment="1">
      <alignment vertical="center" wrapText="1"/>
    </xf>
    <xf numFmtId="0" fontId="5" fillId="2" borderId="12" xfId="0"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0" xfId="0" applyFont="1" applyFill="1" applyBorder="1" applyAlignment="1">
      <alignment vertical="center"/>
    </xf>
    <xf numFmtId="0" fontId="4" fillId="0" borderId="0" xfId="0" applyFont="1" applyFill="1" applyAlignment="1">
      <alignment vertical="center"/>
    </xf>
    <xf numFmtId="0" fontId="16" fillId="0" borderId="3" xfId="0" applyFont="1" applyFill="1" applyBorder="1" applyAlignment="1">
      <alignment vertical="center"/>
    </xf>
    <xf numFmtId="0" fontId="5" fillId="2" borderId="11"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1" xfId="0" applyFont="1" applyFill="1" applyBorder="1" applyAlignment="1">
      <alignment horizontal="center" vertical="center"/>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0" fontId="5" fillId="2" borderId="7" xfId="0" applyNumberFormat="1" applyFont="1" applyFill="1" applyBorder="1" applyAlignment="1">
      <alignment horizontal="center" vertical="center"/>
    </xf>
    <xf numFmtId="0" fontId="4" fillId="0" borderId="4" xfId="0" applyFont="1" applyBorder="1" applyAlignment="1">
      <alignment vertical="center"/>
    </xf>
    <xf numFmtId="0" fontId="4" fillId="0" borderId="0" xfId="0" applyFont="1" applyFill="1" applyBorder="1" applyAlignment="1">
      <alignment horizontal="left" vertical="center" wrapText="1"/>
    </xf>
    <xf numFmtId="0" fontId="5" fillId="2" borderId="14"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0" fontId="4" fillId="0" borderId="3" xfId="0" applyFont="1" applyFill="1" applyBorder="1" applyAlignment="1">
      <alignment horizontal="left" vertical="center"/>
    </xf>
    <xf numFmtId="49" fontId="5" fillId="0" borderId="0" xfId="0" applyNumberFormat="1" applyFont="1" applyFill="1" applyAlignment="1">
      <alignment vertical="center"/>
    </xf>
    <xf numFmtId="0" fontId="4" fillId="0" borderId="7" xfId="0" applyFont="1" applyBorder="1" applyAlignment="1">
      <alignment horizontal="right" vertical="center" wrapText="1"/>
    </xf>
    <xf numFmtId="37" fontId="4" fillId="2" borderId="4" xfId="0" applyNumberFormat="1" applyFont="1" applyFill="1" applyBorder="1" applyAlignment="1">
      <alignment horizontal="center" vertical="center"/>
    </xf>
    <xf numFmtId="37" fontId="4" fillId="2" borderId="7" xfId="0" applyNumberFormat="1" applyFont="1" applyFill="1" applyBorder="1" applyAlignment="1">
      <alignment horizontal="center" vertical="center"/>
    </xf>
    <xf numFmtId="37" fontId="5" fillId="2" borderId="0" xfId="0" applyNumberFormat="1" applyFont="1" applyFill="1" applyBorder="1" applyAlignment="1">
      <alignment horizontal="center" vertical="center"/>
    </xf>
    <xf numFmtId="0" fontId="4" fillId="0" borderId="0" xfId="0" applyFont="1"/>
    <xf numFmtId="0" fontId="4" fillId="0" borderId="0" xfId="0" applyFont="1" applyFill="1" applyBorder="1" applyAlignment="1"/>
    <xf numFmtId="0" fontId="4" fillId="0" borderId="0" xfId="0" applyNumberFormat="1" applyFont="1" applyFill="1" applyBorder="1" applyAlignment="1"/>
    <xf numFmtId="0" fontId="4" fillId="0" borderId="0" xfId="0" applyNumberFormat="1" applyFont="1" applyFill="1" applyBorder="1" applyAlignment="1">
      <alignment wrapText="1"/>
    </xf>
    <xf numFmtId="0" fontId="4" fillId="0" borderId="0" xfId="0" applyFont="1" applyFill="1"/>
    <xf numFmtId="0" fontId="5" fillId="2" borderId="14" xfId="0" applyFont="1" applyFill="1" applyBorder="1" applyAlignment="1">
      <alignment horizontal="center"/>
    </xf>
    <xf numFmtId="0" fontId="4" fillId="0" borderId="8" xfId="0" applyFont="1" applyFill="1" applyBorder="1" applyAlignment="1">
      <alignment horizontal="center" vertical="center"/>
    </xf>
    <xf numFmtId="0" fontId="4" fillId="0" borderId="0" xfId="0" applyFont="1" applyFill="1" applyBorder="1" applyAlignment="1">
      <alignment horizontal="center" vertical="center"/>
    </xf>
    <xf numFmtId="43" fontId="5" fillId="0" borderId="0" xfId="0" applyNumberFormat="1" applyFont="1" applyFill="1" applyBorder="1" applyAlignment="1">
      <alignment vertical="center"/>
    </xf>
    <xf numFmtId="165" fontId="4" fillId="0" borderId="0" xfId="3" applyFont="1" applyFill="1" applyBorder="1" applyAlignment="1">
      <alignment vertical="center"/>
    </xf>
    <xf numFmtId="43" fontId="4" fillId="0" borderId="0" xfId="0" applyNumberFormat="1" applyFont="1" applyFill="1" applyAlignment="1">
      <alignment vertical="center"/>
    </xf>
    <xf numFmtId="4" fontId="5" fillId="0" borderId="0" xfId="0" applyNumberFormat="1" applyFont="1" applyFill="1" applyBorder="1" applyAlignment="1">
      <alignment vertical="center"/>
    </xf>
    <xf numFmtId="43" fontId="5" fillId="0" borderId="0" xfId="0" applyNumberFormat="1" applyFont="1" applyFill="1" applyAlignment="1">
      <alignment vertical="center"/>
    </xf>
    <xf numFmtId="4" fontId="4" fillId="0" borderId="0" xfId="0" applyNumberFormat="1" applyFont="1" applyFill="1" applyBorder="1" applyAlignment="1">
      <alignment vertical="center"/>
    </xf>
    <xf numFmtId="165" fontId="5" fillId="0" borderId="0" xfId="0" applyNumberFormat="1" applyFont="1" applyFill="1" applyBorder="1" applyAlignment="1">
      <alignment vertical="center"/>
    </xf>
    <xf numFmtId="0" fontId="4" fillId="0" borderId="0" xfId="0" applyNumberFormat="1"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0" fontId="5" fillId="2" borderId="13" xfId="1" applyFont="1" applyFill="1" applyBorder="1" applyAlignment="1">
      <alignment horizontal="center" vertical="center"/>
    </xf>
    <xf numFmtId="0" fontId="5" fillId="2" borderId="4"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9" xfId="0" applyNumberFormat="1" applyFont="1" applyFill="1" applyBorder="1" applyAlignment="1">
      <alignment vertical="center"/>
    </xf>
    <xf numFmtId="0" fontId="5" fillId="0" borderId="0" xfId="1" applyFont="1" applyFill="1" applyAlignment="1">
      <alignment vertical="center"/>
    </xf>
    <xf numFmtId="167" fontId="4" fillId="0" borderId="7" xfId="0" applyNumberFormat="1" applyFont="1" applyFill="1" applyBorder="1" applyAlignment="1">
      <alignment vertical="center"/>
    </xf>
    <xf numFmtId="0" fontId="5" fillId="0" borderId="0" xfId="0" applyFont="1" applyFill="1" applyAlignment="1">
      <alignment horizontal="left" vertical="center"/>
    </xf>
    <xf numFmtId="49" fontId="5" fillId="0" borderId="0" xfId="0" applyNumberFormat="1" applyFont="1" applyFill="1" applyBorder="1" applyAlignment="1">
      <alignment horizontal="left" vertical="center"/>
    </xf>
    <xf numFmtId="165" fontId="4" fillId="0" borderId="3" xfId="0" applyNumberFormat="1" applyFont="1" applyFill="1" applyBorder="1" applyAlignment="1">
      <alignment vertical="center"/>
    </xf>
    <xf numFmtId="165" fontId="5" fillId="2" borderId="10" xfId="0" applyNumberFormat="1" applyFont="1" applyFill="1" applyBorder="1" applyAlignment="1">
      <alignment vertical="center"/>
    </xf>
    <xf numFmtId="0" fontId="5" fillId="3" borderId="0" xfId="1" applyFont="1" applyFill="1" applyAlignment="1">
      <alignment vertical="center"/>
    </xf>
    <xf numFmtId="0" fontId="5" fillId="0" borderId="3" xfId="1" applyFont="1" applyFill="1" applyBorder="1" applyAlignment="1">
      <alignment vertical="center"/>
    </xf>
    <xf numFmtId="0" fontId="5" fillId="0" borderId="0" xfId="1" applyFont="1" applyFill="1" applyAlignment="1">
      <alignment vertical="center" wrapText="1"/>
    </xf>
    <xf numFmtId="0" fontId="5" fillId="2" borderId="5" xfId="1" applyFont="1" applyFill="1" applyBorder="1" applyAlignment="1">
      <alignment vertical="center"/>
    </xf>
    <xf numFmtId="0" fontId="5" fillId="2" borderId="12" xfId="1" applyFont="1" applyFill="1" applyBorder="1" applyAlignment="1">
      <alignment horizontal="left" vertical="center" wrapText="1"/>
    </xf>
    <xf numFmtId="0" fontId="5" fillId="0" borderId="9" xfId="1" applyFont="1" applyBorder="1" applyAlignment="1">
      <alignment horizontal="left" vertical="center" wrapText="1"/>
    </xf>
    <xf numFmtId="0" fontId="5" fillId="0" borderId="4" xfId="1" applyFont="1" applyFill="1" applyBorder="1" applyAlignment="1">
      <alignment vertical="center"/>
    </xf>
    <xf numFmtId="0" fontId="5" fillId="0" borderId="6" xfId="1" applyFont="1" applyBorder="1" applyAlignment="1">
      <alignment horizontal="left" vertical="center" wrapText="1"/>
    </xf>
    <xf numFmtId="0" fontId="5" fillId="2" borderId="1" xfId="2" applyFont="1" applyFill="1" applyBorder="1" applyAlignment="1">
      <alignment horizontal="center" vertical="center"/>
    </xf>
    <xf numFmtId="0" fontId="5" fillId="2" borderId="1" xfId="2" applyFont="1" applyFill="1" applyBorder="1" applyAlignment="1">
      <alignment horizontal="center" vertical="top"/>
    </xf>
    <xf numFmtId="0" fontId="5" fillId="0" borderId="3" xfId="1" applyFont="1" applyFill="1" applyBorder="1" applyAlignment="1">
      <alignment vertical="center" wrapText="1"/>
    </xf>
    <xf numFmtId="0" fontId="5" fillId="0" borderId="7" xfId="1" applyFont="1" applyFill="1" applyBorder="1" applyAlignment="1">
      <alignment vertical="center"/>
    </xf>
    <xf numFmtId="0" fontId="5" fillId="0" borderId="7" xfId="1" applyFont="1" applyFill="1" applyBorder="1" applyAlignment="1">
      <alignment horizontal="left" vertical="center" wrapText="1"/>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xf>
    <xf numFmtId="0" fontId="5" fillId="0" borderId="9" xfId="1" applyFont="1" applyFill="1" applyBorder="1" applyAlignment="1">
      <alignment vertical="center" wrapText="1"/>
    </xf>
    <xf numFmtId="0" fontId="5" fillId="0" borderId="5" xfId="1" applyFont="1" applyBorder="1" applyAlignment="1">
      <alignment horizontal="left" vertical="center" wrapText="1"/>
    </xf>
    <xf numFmtId="0" fontId="5" fillId="0" borderId="12" xfId="1" applyFont="1" applyFill="1" applyBorder="1" applyAlignment="1">
      <alignment vertical="center"/>
    </xf>
    <xf numFmtId="0" fontId="4" fillId="0" borderId="4"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0" xfId="0" applyNumberFormat="1" applyFont="1" applyFill="1" applyAlignment="1">
      <alignment horizontal="center" vertical="center"/>
    </xf>
    <xf numFmtId="0" fontId="5" fillId="2" borderId="9" xfId="0" applyFont="1" applyFill="1" applyBorder="1" applyAlignment="1">
      <alignment vertical="center"/>
    </xf>
    <xf numFmtId="0" fontId="5" fillId="2" borderId="4" xfId="1" applyFont="1" applyFill="1" applyBorder="1" applyAlignment="1">
      <alignment horizontal="center"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0" fontId="5" fillId="0" borderId="7" xfId="1" applyFont="1" applyBorder="1" applyAlignment="1">
      <alignment horizontal="left" vertical="center" wrapText="1"/>
    </xf>
    <xf numFmtId="0" fontId="4" fillId="0" borderId="0" xfId="1" applyFont="1" applyAlignment="1">
      <alignment vertical="center" wrapText="1"/>
    </xf>
    <xf numFmtId="0" fontId="4" fillId="0" borderId="0" xfId="1" applyFont="1" applyFill="1" applyBorder="1" applyAlignment="1">
      <alignment horizontal="center" vertical="center"/>
    </xf>
    <xf numFmtId="0" fontId="4" fillId="0" borderId="12" xfId="1" applyFont="1" applyBorder="1" applyAlignment="1">
      <alignment horizontal="left" vertical="center" wrapText="1"/>
    </xf>
    <xf numFmtId="0" fontId="5" fillId="0" borderId="0" xfId="1" applyFont="1" applyBorder="1" applyAlignment="1">
      <alignment horizontal="left" vertical="center" wrapText="1"/>
    </xf>
    <xf numFmtId="0" fontId="5" fillId="0" borderId="3" xfId="1" applyFont="1" applyBorder="1" applyAlignment="1">
      <alignment horizontal="left" vertical="center" wrapText="1"/>
    </xf>
    <xf numFmtId="0" fontId="5" fillId="2" borderId="5" xfId="1" applyFont="1" applyFill="1" applyBorder="1" applyAlignment="1">
      <alignment horizontal="left" vertical="center" wrapText="1"/>
    </xf>
    <xf numFmtId="0" fontId="5" fillId="0" borderId="5" xfId="1" applyFont="1" applyBorder="1" applyAlignment="1">
      <alignment horizontal="left" vertical="center" wrapText="1"/>
    </xf>
    <xf numFmtId="0" fontId="5" fillId="2" borderId="14" xfId="1" applyFont="1" applyFill="1" applyBorder="1" applyAlignment="1">
      <alignment horizontal="center" vertical="center" wrapText="1"/>
    </xf>
    <xf numFmtId="0" fontId="4" fillId="0" borderId="0" xfId="0" applyFont="1" applyFill="1" applyAlignment="1">
      <alignment vertical="center"/>
    </xf>
    <xf numFmtId="0" fontId="5" fillId="3" borderId="7" xfId="1" applyFont="1" applyFill="1" applyBorder="1" applyAlignment="1">
      <alignment vertical="center"/>
    </xf>
    <xf numFmtId="0" fontId="4" fillId="0" borderId="5" xfId="1" applyFont="1" applyFill="1" applyBorder="1" applyAlignment="1">
      <alignment vertical="center"/>
    </xf>
    <xf numFmtId="0" fontId="5" fillId="2" borderId="3" xfId="0" applyFont="1" applyFill="1" applyBorder="1" applyAlignment="1">
      <alignment horizontal="center" vertical="center"/>
    </xf>
    <xf numFmtId="49" fontId="5" fillId="0" borderId="0" xfId="0" applyNumberFormat="1" applyFont="1" applyFill="1" applyAlignment="1">
      <alignment vertical="center"/>
    </xf>
    <xf numFmtId="49" fontId="5" fillId="0" borderId="0" xfId="1" applyNumberFormat="1" applyFont="1" applyFill="1" applyAlignment="1">
      <alignment vertical="center" wrapText="1"/>
    </xf>
    <xf numFmtId="49" fontId="4" fillId="0" borderId="0" xfId="1" applyNumberFormat="1" applyFont="1" applyFill="1" applyAlignment="1">
      <alignment vertical="center" wrapText="1"/>
    </xf>
    <xf numFmtId="0" fontId="4" fillId="0" borderId="0" xfId="1" applyFont="1" applyFill="1" applyAlignment="1">
      <alignment vertical="center" wrapText="1"/>
    </xf>
    <xf numFmtId="0" fontId="5" fillId="2" borderId="9" xfId="1" applyFont="1" applyFill="1" applyBorder="1" applyAlignment="1">
      <alignment vertical="center" wrapText="1"/>
    </xf>
    <xf numFmtId="49" fontId="4" fillId="0" borderId="4" xfId="1" applyNumberFormat="1" applyFont="1" applyFill="1" applyBorder="1" applyAlignment="1">
      <alignment vertical="center" wrapText="1"/>
    </xf>
    <xf numFmtId="0" fontId="4" fillId="0" borderId="0" xfId="1" applyFont="1" applyFill="1" applyBorder="1" applyAlignment="1">
      <alignment vertical="center" wrapText="1"/>
    </xf>
    <xf numFmtId="0" fontId="4" fillId="0" borderId="4" xfId="1" applyFont="1" applyBorder="1" applyAlignment="1">
      <alignment vertical="center" wrapText="1"/>
    </xf>
    <xf numFmtId="0" fontId="4" fillId="0" borderId="7" xfId="1" applyFont="1" applyBorder="1" applyAlignment="1">
      <alignment vertical="center" wrapText="1"/>
    </xf>
    <xf numFmtId="0" fontId="4" fillId="0" borderId="4" xfId="1" applyFont="1" applyBorder="1" applyAlignment="1">
      <alignment vertical="center"/>
    </xf>
    <xf numFmtId="0" fontId="5" fillId="2" borderId="5" xfId="1" applyFont="1" applyFill="1" applyBorder="1" applyAlignment="1">
      <alignment vertical="center" wrapText="1"/>
    </xf>
    <xf numFmtId="0" fontId="5" fillId="0" borderId="0" xfId="1" applyNumberFormat="1" applyFont="1" applyAlignment="1">
      <alignment vertical="center" wrapText="1"/>
    </xf>
    <xf numFmtId="0" fontId="5" fillId="3" borderId="0" xfId="1" applyFont="1" applyFill="1" applyBorder="1" applyAlignment="1">
      <alignment vertical="center"/>
    </xf>
    <xf numFmtId="0" fontId="5" fillId="0" borderId="0" xfId="1" applyFont="1" applyAlignment="1">
      <alignment vertical="center"/>
    </xf>
    <xf numFmtId="0" fontId="5" fillId="3" borderId="0" xfId="1" applyFont="1" applyFill="1" applyAlignment="1">
      <alignment vertical="center" wrapText="1"/>
    </xf>
    <xf numFmtId="0" fontId="5" fillId="3" borderId="4" xfId="1" applyFont="1" applyFill="1" applyBorder="1" applyAlignment="1">
      <alignment horizontal="left" vertical="center"/>
    </xf>
    <xf numFmtId="0" fontId="5" fillId="3" borderId="0" xfId="1" applyFont="1" applyFill="1" applyBorder="1" applyAlignment="1">
      <alignment horizontal="left" vertical="center"/>
    </xf>
    <xf numFmtId="0" fontId="5" fillId="3" borderId="3" xfId="1" applyFont="1" applyFill="1" applyBorder="1" applyAlignment="1">
      <alignment horizontal="left" vertical="center" wrapText="1"/>
    </xf>
    <xf numFmtId="0" fontId="5" fillId="2" borderId="0" xfId="1" applyFont="1" applyFill="1" applyBorder="1" applyAlignment="1">
      <alignment horizontal="left" vertical="center" wrapText="1"/>
    </xf>
    <xf numFmtId="0" fontId="5" fillId="2" borderId="15" xfId="1" applyFont="1" applyFill="1" applyBorder="1" applyAlignment="1">
      <alignment horizontal="center" vertical="center" wrapText="1"/>
    </xf>
    <xf numFmtId="0" fontId="4" fillId="0" borderId="3" xfId="0" applyFont="1" applyFill="1" applyBorder="1" applyAlignment="1">
      <alignment vertical="center" wrapText="1"/>
    </xf>
    <xf numFmtId="0" fontId="4" fillId="0" borderId="12" xfId="0" applyFont="1" applyFill="1" applyBorder="1" applyAlignment="1">
      <alignment vertical="center" wrapText="1"/>
    </xf>
    <xf numFmtId="49" fontId="5" fillId="0" borderId="0" xfId="0" applyNumberFormat="1" applyFont="1" applyFill="1" applyAlignment="1">
      <alignment vertical="center"/>
    </xf>
    <xf numFmtId="0" fontId="4" fillId="0" borderId="11" xfId="0" applyFont="1" applyFill="1" applyBorder="1" applyAlignment="1">
      <alignment horizontal="center" vertical="center"/>
    </xf>
    <xf numFmtId="22" fontId="4" fillId="0" borderId="0" xfId="0" applyNumberFormat="1" applyFont="1" applyFill="1" applyAlignment="1">
      <alignment horizontal="right" vertical="center"/>
    </xf>
    <xf numFmtId="22" fontId="4" fillId="0" borderId="4" xfId="0" applyNumberFormat="1" applyFont="1" applyBorder="1" applyAlignment="1">
      <alignment horizontal="right" vertical="center"/>
    </xf>
    <xf numFmtId="22" fontId="4" fillId="0" borderId="0" xfId="1" applyNumberFormat="1" applyFont="1" applyAlignment="1">
      <alignment horizontal="right" vertical="center"/>
    </xf>
    <xf numFmtId="22" fontId="4" fillId="0" borderId="4" xfId="0" applyNumberFormat="1" applyFont="1" applyFill="1" applyBorder="1" applyAlignment="1">
      <alignment horizontal="right" vertical="center"/>
    </xf>
    <xf numFmtId="22" fontId="4" fillId="0" borderId="0" xfId="0" applyNumberFormat="1" applyFont="1" applyFill="1" applyBorder="1" applyAlignment="1">
      <alignment horizontal="right" vertical="center"/>
    </xf>
    <xf numFmtId="37" fontId="5" fillId="0" borderId="0" xfId="0" applyNumberFormat="1" applyFont="1" applyFill="1" applyBorder="1" applyAlignment="1">
      <alignment vertical="center"/>
    </xf>
    <xf numFmtId="0" fontId="5" fillId="0" borderId="9" xfId="0" applyNumberFormat="1" applyFont="1" applyFill="1" applyBorder="1" applyAlignment="1">
      <alignment vertical="center" wrapText="1"/>
    </xf>
    <xf numFmtId="43" fontId="4" fillId="0" borderId="0" xfId="5" applyFont="1" applyFill="1" applyAlignment="1">
      <alignment vertical="center"/>
    </xf>
    <xf numFmtId="43" fontId="4" fillId="0" borderId="0" xfId="5" applyFont="1" applyFill="1" applyBorder="1" applyAlignment="1">
      <alignment vertical="center"/>
    </xf>
    <xf numFmtId="43" fontId="4" fillId="0" borderId="0" xfId="5" applyFont="1" applyFill="1" applyAlignment="1">
      <alignment horizontal="center" vertical="center"/>
    </xf>
    <xf numFmtId="0" fontId="5" fillId="2" borderId="11" xfId="0" applyFont="1" applyFill="1" applyBorder="1" applyAlignment="1">
      <alignment horizontal="center" vertical="center"/>
    </xf>
    <xf numFmtId="0" fontId="4" fillId="0" borderId="0" xfId="0" applyFont="1" applyBorder="1" applyAlignment="1">
      <alignment horizontal="right" vertical="center" wrapText="1"/>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5" fillId="2" borderId="1" xfId="0" applyFont="1" applyFill="1" applyBorder="1" applyAlignment="1">
      <alignment horizontal="center" vertical="center"/>
    </xf>
    <xf numFmtId="0" fontId="5" fillId="2" borderId="1" xfId="0" applyFont="1" applyFill="1" applyBorder="1" applyAlignment="1">
      <alignment horizontal="center" vertical="center" wrapText="1"/>
    </xf>
    <xf numFmtId="43" fontId="4" fillId="0" borderId="0" xfId="5" applyFont="1" applyFill="1" applyAlignment="1">
      <alignment horizontal="right" vertical="center"/>
    </xf>
    <xf numFmtId="43" fontId="5" fillId="2" borderId="1" xfId="5" applyFont="1" applyFill="1" applyBorder="1" applyAlignment="1">
      <alignment horizontal="center" vertical="center"/>
    </xf>
    <xf numFmtId="43" fontId="5" fillId="2" borderId="15" xfId="5" applyFont="1" applyFill="1" applyBorder="1" applyAlignment="1">
      <alignment horizontal="right" vertical="center"/>
    </xf>
    <xf numFmtId="43" fontId="5" fillId="2" borderId="11" xfId="5" applyFont="1" applyFill="1" applyBorder="1" applyAlignment="1">
      <alignment horizontal="center" vertical="center"/>
    </xf>
    <xf numFmtId="43" fontId="5" fillId="2" borderId="8" xfId="5" applyFont="1" applyFill="1" applyBorder="1" applyAlignment="1">
      <alignment horizontal="center" vertical="center"/>
    </xf>
    <xf numFmtId="43" fontId="4" fillId="0" borderId="4" xfId="5" applyFont="1" applyFill="1" applyBorder="1" applyAlignment="1">
      <alignment vertical="center" wrapText="1"/>
    </xf>
    <xf numFmtId="22" fontId="4" fillId="0" borderId="4" xfId="5" applyNumberFormat="1" applyFont="1" applyFill="1" applyBorder="1" applyAlignment="1">
      <alignment horizontal="right" vertical="center" wrapText="1"/>
    </xf>
    <xf numFmtId="49" fontId="5" fillId="0" borderId="12" xfId="0" applyNumberFormat="1" applyFont="1" applyFill="1" applyBorder="1" applyAlignment="1">
      <alignment vertical="center"/>
    </xf>
    <xf numFmtId="49" fontId="5" fillId="2" borderId="1" xfId="5" applyNumberFormat="1" applyFont="1" applyFill="1" applyBorder="1" applyAlignment="1">
      <alignment horizontal="center" vertical="center"/>
    </xf>
    <xf numFmtId="165" fontId="5" fillId="0" borderId="2" xfId="5" applyNumberFormat="1" applyFont="1" applyFill="1" applyBorder="1" applyAlignment="1">
      <alignment horizontal="right" vertical="center"/>
    </xf>
    <xf numFmtId="165" fontId="5" fillId="0" borderId="8" xfId="0" applyNumberFormat="1" applyFont="1" applyFill="1" applyBorder="1" applyAlignment="1">
      <alignment vertical="center"/>
    </xf>
    <xf numFmtId="165" fontId="4" fillId="0" borderId="2" xfId="0" applyNumberFormat="1" applyFont="1" applyFill="1" applyBorder="1" applyAlignment="1">
      <alignment horizontal="center" vertical="center" wrapText="1"/>
    </xf>
    <xf numFmtId="43" fontId="4" fillId="0" borderId="2" xfId="1" applyNumberFormat="1" applyFont="1" applyFill="1" applyBorder="1" applyAlignment="1">
      <alignment vertical="center"/>
    </xf>
    <xf numFmtId="43" fontId="5" fillId="2" borderId="15" xfId="1" applyNumberFormat="1" applyFont="1" applyFill="1" applyBorder="1" applyAlignment="1">
      <alignment vertical="center"/>
    </xf>
    <xf numFmtId="43" fontId="4" fillId="0" borderId="2" xfId="1" applyNumberFormat="1" applyFont="1" applyFill="1" applyBorder="1" applyAlignment="1">
      <alignment horizontal="center" vertical="center"/>
    </xf>
    <xf numFmtId="43" fontId="5" fillId="2" borderId="15" xfId="1" applyNumberFormat="1" applyFont="1" applyFill="1" applyBorder="1" applyAlignment="1">
      <alignment horizontal="center" vertical="center"/>
    </xf>
    <xf numFmtId="43" fontId="5" fillId="2" borderId="10" xfId="1" applyNumberFormat="1" applyFont="1" applyFill="1" applyBorder="1" applyAlignment="1">
      <alignment vertical="center"/>
    </xf>
    <xf numFmtId="43" fontId="4" fillId="0" borderId="0" xfId="1" applyNumberFormat="1" applyFont="1" applyAlignment="1">
      <alignment vertical="center"/>
    </xf>
    <xf numFmtId="43" fontId="4" fillId="0" borderId="0" xfId="5" applyFont="1" applyFill="1" applyBorder="1" applyAlignment="1">
      <alignment horizontal="center" vertical="center"/>
    </xf>
    <xf numFmtId="43" fontId="4" fillId="0" borderId="0" xfId="5" applyFont="1" applyFill="1" applyAlignment="1">
      <alignment horizontal="center" vertical="center"/>
    </xf>
    <xf numFmtId="43" fontId="5" fillId="0" borderId="2" xfId="5" applyFont="1" applyFill="1" applyBorder="1" applyAlignment="1">
      <alignment horizontal="right" vertical="center"/>
    </xf>
    <xf numFmtId="43" fontId="5" fillId="0" borderId="8" xfId="5" applyFont="1" applyFill="1" applyBorder="1" applyAlignment="1">
      <alignment horizontal="right" vertical="center"/>
    </xf>
    <xf numFmtId="43" fontId="5" fillId="0" borderId="13" xfId="5" applyFont="1" applyFill="1" applyBorder="1" applyAlignment="1">
      <alignment horizontal="right" vertical="center"/>
    </xf>
    <xf numFmtId="43" fontId="5" fillId="0" borderId="11" xfId="5" applyFont="1" applyFill="1" applyBorder="1" applyAlignment="1">
      <alignment horizontal="right" vertical="center"/>
    </xf>
    <xf numFmtId="43" fontId="5" fillId="0" borderId="14" xfId="5" applyFont="1" applyFill="1" applyBorder="1" applyAlignment="1">
      <alignment horizontal="right" vertical="center"/>
    </xf>
    <xf numFmtId="43" fontId="5" fillId="0" borderId="6" xfId="5" applyFont="1" applyFill="1" applyBorder="1" applyAlignment="1">
      <alignment horizontal="right" vertical="center"/>
    </xf>
    <xf numFmtId="43" fontId="5" fillId="0" borderId="3" xfId="5" applyFont="1" applyFill="1" applyBorder="1" applyAlignment="1">
      <alignment horizontal="right" vertical="center"/>
    </xf>
    <xf numFmtId="43" fontId="5" fillId="0" borderId="12" xfId="5" applyFont="1" applyFill="1" applyBorder="1" applyAlignment="1">
      <alignment horizontal="right" vertical="center"/>
    </xf>
    <xf numFmtId="43" fontId="5" fillId="0" borderId="1" xfId="5" applyFont="1" applyFill="1" applyBorder="1" applyAlignment="1">
      <alignment horizontal="right" vertical="center"/>
    </xf>
    <xf numFmtId="43" fontId="5" fillId="2" borderId="12" xfId="5" applyFont="1" applyFill="1" applyBorder="1" applyAlignment="1">
      <alignment horizontal="right" vertical="center"/>
    </xf>
    <xf numFmtId="43" fontId="5" fillId="2" borderId="13" xfId="5" applyFont="1" applyFill="1" applyBorder="1" applyAlignment="1">
      <alignment horizontal="right" vertical="center"/>
    </xf>
    <xf numFmtId="43" fontId="5" fillId="2" borderId="1" xfId="5" applyFont="1" applyFill="1" applyBorder="1" applyAlignment="1">
      <alignment horizontal="right" vertical="center"/>
    </xf>
    <xf numFmtId="43" fontId="5" fillId="2" borderId="9" xfId="5" applyFont="1" applyFill="1" applyBorder="1" applyAlignment="1">
      <alignment horizontal="right" vertical="center"/>
    </xf>
    <xf numFmtId="43" fontId="4" fillId="0" borderId="2" xfId="5" applyFont="1" applyFill="1" applyBorder="1" applyAlignment="1">
      <alignment horizontal="center" vertical="center"/>
    </xf>
    <xf numFmtId="0" fontId="17" fillId="0" borderId="0" xfId="0" applyNumberFormat="1" applyFont="1" applyFill="1" applyAlignment="1">
      <alignment vertical="center"/>
    </xf>
    <xf numFmtId="49" fontId="5" fillId="0" borderId="9" xfId="0" applyNumberFormat="1" applyFont="1" applyFill="1" applyBorder="1" applyAlignment="1">
      <alignment vertical="center" wrapText="1"/>
    </xf>
    <xf numFmtId="0" fontId="4" fillId="0" borderId="9" xfId="0" applyFont="1" applyBorder="1" applyAlignment="1">
      <alignment horizontal="justify" vertical="center"/>
    </xf>
    <xf numFmtId="0" fontId="4" fillId="0" borderId="9" xfId="0" applyFont="1" applyBorder="1" applyAlignment="1">
      <alignment vertical="center"/>
    </xf>
    <xf numFmtId="0" fontId="19" fillId="0" borderId="3" xfId="0" applyFont="1" applyFill="1" applyBorder="1" applyAlignment="1">
      <alignment horizontal="left" vertical="center"/>
    </xf>
    <xf numFmtId="0" fontId="19" fillId="0" borderId="0" xfId="0" applyFont="1" applyFill="1" applyAlignment="1">
      <alignment vertical="center"/>
    </xf>
    <xf numFmtId="165" fontId="0" fillId="0" borderId="0" xfId="0" applyNumberFormat="1" applyAlignment="1">
      <alignment horizontal="center" wrapText="1"/>
    </xf>
    <xf numFmtId="43" fontId="4" fillId="0" borderId="8" xfId="1" applyNumberFormat="1" applyFont="1" applyFill="1" applyBorder="1" applyAlignment="1">
      <alignment horizontal="center" vertical="center"/>
    </xf>
    <xf numFmtId="43" fontId="4" fillId="0" borderId="3" xfId="1" applyNumberFormat="1" applyFont="1" applyFill="1" applyBorder="1" applyAlignment="1">
      <alignment horizontal="center" vertical="center"/>
    </xf>
    <xf numFmtId="43" fontId="5" fillId="2" borderId="10" xfId="1" applyNumberFormat="1" applyFont="1" applyFill="1" applyBorder="1" applyAlignment="1">
      <alignment horizontal="center" vertical="center"/>
    </xf>
    <xf numFmtId="43" fontId="5" fillId="2" borderId="9" xfId="1" applyNumberFormat="1" applyFont="1" applyFill="1" applyBorder="1" applyAlignment="1">
      <alignment horizontal="center" vertical="center"/>
    </xf>
    <xf numFmtId="43" fontId="4" fillId="0" borderId="0" xfId="1" applyNumberFormat="1" applyFont="1" applyFill="1" applyBorder="1" applyAlignment="1">
      <alignment horizontal="center" vertical="center"/>
    </xf>
    <xf numFmtId="43" fontId="4" fillId="0" borderId="0" xfId="1" applyNumberFormat="1" applyFont="1" applyFill="1" applyAlignment="1">
      <alignment vertical="center"/>
    </xf>
    <xf numFmtId="43" fontId="4" fillId="0" borderId="0" xfId="1" applyNumberFormat="1" applyFont="1" applyFill="1" applyBorder="1" applyAlignment="1">
      <alignment vertical="center"/>
    </xf>
    <xf numFmtId="0" fontId="4" fillId="0" borderId="0" xfId="0" applyFont="1" applyBorder="1"/>
    <xf numFmtId="43" fontId="4" fillId="0" borderId="13" xfId="1" applyNumberFormat="1" applyFont="1" applyFill="1" applyBorder="1" applyAlignment="1">
      <alignment vertical="center"/>
    </xf>
    <xf numFmtId="43" fontId="5" fillId="2" borderId="5" xfId="1" applyNumberFormat="1" applyFont="1" applyFill="1" applyBorder="1" applyAlignment="1">
      <alignment horizontal="center" vertical="center"/>
    </xf>
    <xf numFmtId="43" fontId="5" fillId="0" borderId="5" xfId="1" applyNumberFormat="1" applyFont="1" applyFill="1" applyBorder="1" applyAlignment="1">
      <alignment horizontal="center" vertical="center" wrapText="1"/>
    </xf>
    <xf numFmtId="165" fontId="5" fillId="2" borderId="15" xfId="5" applyNumberFormat="1" applyFont="1" applyFill="1" applyBorder="1" applyAlignment="1">
      <alignment horizontal="right" vertical="center"/>
    </xf>
    <xf numFmtId="165" fontId="5" fillId="2" borderId="15" xfId="5" applyNumberFormat="1" applyFont="1" applyFill="1" applyBorder="1" applyAlignment="1">
      <alignment vertical="center"/>
    </xf>
    <xf numFmtId="165" fontId="5" fillId="2" borderId="5" xfId="5" applyNumberFormat="1" applyFont="1" applyFill="1" applyBorder="1" applyAlignment="1">
      <alignment vertical="center"/>
    </xf>
    <xf numFmtId="165" fontId="4" fillId="0" borderId="14" xfId="0" applyNumberFormat="1" applyFont="1" applyFill="1" applyBorder="1" applyAlignment="1">
      <alignment vertical="center"/>
    </xf>
    <xf numFmtId="165" fontId="4" fillId="0" borderId="12" xfId="0" applyNumberFormat="1" applyFont="1" applyFill="1" applyBorder="1" applyAlignment="1">
      <alignment vertical="center"/>
    </xf>
    <xf numFmtId="0" fontId="5" fillId="2" borderId="8"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7"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0" xfId="0" applyFont="1" applyFill="1" applyBorder="1" applyAlignment="1">
      <alignment horizontal="center" vertical="center" wrapText="1"/>
    </xf>
    <xf numFmtId="0" fontId="8" fillId="0" borderId="0" xfId="0" applyFont="1" applyFill="1" applyAlignment="1">
      <alignment vertical="center"/>
    </xf>
    <xf numFmtId="0" fontId="4" fillId="0" borderId="7" xfId="0" applyFont="1" applyFill="1" applyBorder="1" applyAlignment="1">
      <alignment horizontal="right" vertical="center" wrapText="1"/>
    </xf>
    <xf numFmtId="0" fontId="4" fillId="0" borderId="0" xfId="0" applyFont="1" applyFill="1" applyBorder="1" applyAlignment="1">
      <alignment horizontal="justify" vertical="center" wrapText="1"/>
    </xf>
    <xf numFmtId="0" fontId="5" fillId="0" borderId="6" xfId="0" applyFont="1" applyFill="1" applyBorder="1" applyAlignment="1">
      <alignment horizontal="justify" vertical="center" wrapText="1"/>
    </xf>
    <xf numFmtId="0" fontId="5" fillId="0" borderId="0" xfId="0" applyFont="1" applyFill="1" applyBorder="1" applyAlignment="1">
      <alignment horizontal="justify" vertical="center" wrapText="1"/>
    </xf>
    <xf numFmtId="0" fontId="5" fillId="2" borderId="9" xfId="0" applyFont="1" applyFill="1" applyBorder="1" applyAlignment="1">
      <alignment horizontal="justify" vertical="center" wrapText="1"/>
    </xf>
    <xf numFmtId="0" fontId="5" fillId="2" borderId="12" xfId="0" applyFont="1" applyFill="1" applyBorder="1" applyAlignment="1">
      <alignment horizontal="justify" vertical="center" wrapText="1"/>
    </xf>
    <xf numFmtId="0" fontId="5" fillId="0" borderId="3" xfId="0" applyFont="1" applyFill="1" applyBorder="1" applyAlignment="1">
      <alignment horizontal="justify" vertical="center" wrapText="1"/>
    </xf>
    <xf numFmtId="0" fontId="4" fillId="0" borderId="12" xfId="0" applyFont="1" applyFill="1" applyBorder="1" applyAlignment="1">
      <alignment horizontal="justify" vertical="center" wrapText="1"/>
    </xf>
    <xf numFmtId="0" fontId="4" fillId="0" borderId="7" xfId="0" applyFont="1" applyFill="1" applyBorder="1" applyAlignment="1">
      <alignment horizontal="left" vertical="center" wrapText="1"/>
    </xf>
    <xf numFmtId="164" fontId="4" fillId="0" borderId="7" xfId="0" applyNumberFormat="1" applyFont="1" applyFill="1" applyBorder="1" applyAlignment="1">
      <alignment horizontal="right" vertical="center" wrapText="1"/>
    </xf>
    <xf numFmtId="0" fontId="4" fillId="0" borderId="0" xfId="0" applyFont="1" applyFill="1" applyBorder="1" applyAlignment="1">
      <alignment horizontal="center" vertical="center" wrapText="1"/>
    </xf>
    <xf numFmtId="0" fontId="4" fillId="0" borderId="0" xfId="0" applyFont="1" applyFill="1" applyBorder="1" applyAlignment="1">
      <alignment vertical="center" wrapText="1"/>
    </xf>
    <xf numFmtId="0" fontId="4" fillId="0" borderId="5" xfId="0" applyFont="1" applyFill="1" applyBorder="1" applyAlignment="1">
      <alignment horizontal="justify" vertical="center" wrapText="1"/>
    </xf>
    <xf numFmtId="0" fontId="4" fillId="0" borderId="5" xfId="0" applyFont="1" applyFill="1" applyBorder="1" applyAlignment="1">
      <alignment horizontal="right" vertical="center" wrapText="1"/>
    </xf>
    <xf numFmtId="0" fontId="4" fillId="0" borderId="0" xfId="0" applyFont="1" applyFill="1" applyBorder="1" applyAlignment="1">
      <alignment horizontal="right" vertical="center" wrapText="1"/>
    </xf>
    <xf numFmtId="0" fontId="5" fillId="2" borderId="11" xfId="2" applyFont="1" applyFill="1" applyBorder="1" applyAlignment="1">
      <alignment horizontal="center" vertical="center" wrapText="1"/>
    </xf>
    <xf numFmtId="0" fontId="4" fillId="0" borderId="0" xfId="0" applyFont="1" applyFill="1" applyBorder="1" applyAlignment="1">
      <alignment horizontal="left" vertical="center" wrapText="1"/>
    </xf>
    <xf numFmtId="0" fontId="4" fillId="0" borderId="0" xfId="0" applyFont="1" applyFill="1" applyBorder="1" applyAlignment="1">
      <alignment horizontal="center" vertical="center"/>
    </xf>
    <xf numFmtId="166" fontId="5" fillId="2" borderId="1" xfId="0" applyNumberFormat="1" applyFont="1" applyFill="1" applyBorder="1" applyAlignment="1">
      <alignment horizontal="center" vertical="top"/>
    </xf>
    <xf numFmtId="49" fontId="5" fillId="2" borderId="1" xfId="0" applyNumberFormat="1" applyFont="1" applyFill="1" applyBorder="1" applyAlignment="1">
      <alignment horizontal="center" vertical="top"/>
    </xf>
    <xf numFmtId="0" fontId="5" fillId="2" borderId="13" xfId="0" applyNumberFormat="1" applyFont="1" applyFill="1" applyBorder="1" applyAlignment="1">
      <alignment horizontal="center" vertical="top"/>
    </xf>
    <xf numFmtId="0" fontId="5" fillId="2" borderId="1" xfId="0" applyNumberFormat="1" applyFont="1" applyFill="1" applyBorder="1" applyAlignment="1">
      <alignment horizontal="center" vertical="top"/>
    </xf>
    <xf numFmtId="0" fontId="13" fillId="2" borderId="13" xfId="0" applyNumberFormat="1" applyFont="1" applyFill="1" applyBorder="1" applyAlignment="1">
      <alignment horizontal="center" vertical="top"/>
    </xf>
    <xf numFmtId="0" fontId="4" fillId="0" borderId="0" xfId="0" applyNumberFormat="1" applyFont="1" applyFill="1" applyAlignment="1">
      <alignment vertical="top"/>
    </xf>
    <xf numFmtId="0" fontId="5" fillId="2" borderId="13" xfId="0" applyFont="1" applyFill="1" applyBorder="1" applyAlignment="1">
      <alignment vertical="top"/>
    </xf>
    <xf numFmtId="0" fontId="5" fillId="2" borderId="13" xfId="0" applyFont="1" applyFill="1" applyBorder="1" applyAlignment="1">
      <alignment horizontal="center" vertical="top"/>
    </xf>
    <xf numFmtId="0" fontId="5" fillId="2" borderId="1" xfId="0" applyFont="1" applyFill="1" applyBorder="1" applyAlignment="1">
      <alignment horizontal="center" vertical="top"/>
    </xf>
    <xf numFmtId="0" fontId="4" fillId="0" borderId="0" xfId="0" applyFont="1" applyFill="1" applyAlignment="1">
      <alignment horizontal="center" vertical="top"/>
    </xf>
    <xf numFmtId="49" fontId="5" fillId="2" borderId="12" xfId="0" applyNumberFormat="1" applyFont="1" applyFill="1" applyBorder="1" applyAlignment="1">
      <alignment vertical="center" wrapText="1"/>
    </xf>
    <xf numFmtId="0" fontId="5" fillId="2" borderId="12" xfId="1" applyFont="1" applyFill="1" applyBorder="1" applyAlignment="1">
      <alignment horizontal="center" vertical="top" wrapText="1"/>
    </xf>
    <xf numFmtId="0" fontId="5" fillId="2" borderId="7" xfId="0" applyNumberFormat="1" applyFont="1" applyFill="1" applyBorder="1" applyAlignment="1">
      <alignment horizontal="center" vertical="top"/>
    </xf>
    <xf numFmtId="49" fontId="5" fillId="0" borderId="0" xfId="0" quotePrefix="1" applyNumberFormat="1" applyFont="1" applyFill="1" applyAlignment="1">
      <alignment vertical="center"/>
    </xf>
    <xf numFmtId="43" fontId="4" fillId="0" borderId="0" xfId="0" applyNumberFormat="1" applyFont="1" applyFill="1" applyBorder="1" applyAlignment="1">
      <alignment vertical="center"/>
    </xf>
    <xf numFmtId="0" fontId="5" fillId="0" borderId="0" xfId="0" applyFont="1" applyFill="1" applyBorder="1" applyAlignment="1">
      <alignment vertical="center" wrapText="1"/>
    </xf>
    <xf numFmtId="0" fontId="5" fillId="2" borderId="1" xfId="1" applyFont="1" applyFill="1" applyBorder="1" applyAlignment="1">
      <alignment horizontal="center" vertical="top"/>
    </xf>
    <xf numFmtId="0" fontId="4" fillId="0" borderId="0" xfId="1" applyFont="1" applyBorder="1" applyAlignment="1">
      <alignment vertical="center" wrapText="1"/>
    </xf>
    <xf numFmtId="0" fontId="4" fillId="0" borderId="3" xfId="0" applyFont="1" applyFill="1" applyBorder="1" applyAlignment="1">
      <alignment horizontal="left" vertical="center"/>
    </xf>
    <xf numFmtId="0" fontId="20" fillId="0" borderId="3" xfId="0" applyFont="1" applyBorder="1" applyAlignment="1">
      <alignment horizontal="left" vertical="center"/>
    </xf>
    <xf numFmtId="0" fontId="21" fillId="0" borderId="0" xfId="0" applyNumberFormat="1" applyFont="1" applyFill="1" applyBorder="1" applyAlignment="1">
      <alignment vertical="center"/>
    </xf>
    <xf numFmtId="43" fontId="4" fillId="0" borderId="0" xfId="1" applyNumberFormat="1" applyFont="1" applyFill="1" applyAlignment="1">
      <alignment horizontal="right" vertical="center"/>
    </xf>
    <xf numFmtId="43" fontId="4" fillId="0" borderId="0" xfId="0" applyNumberFormat="1" applyFont="1" applyFill="1" applyAlignment="1">
      <alignment horizontal="center" vertical="center"/>
    </xf>
    <xf numFmtId="43" fontId="4" fillId="0" borderId="0" xfId="5"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49" fontId="5" fillId="2" borderId="1" xfId="0" applyNumberFormat="1" applyFont="1" applyFill="1" applyBorder="1" applyAlignment="1">
      <alignment horizontal="center" vertical="top"/>
    </xf>
    <xf numFmtId="166" fontId="5" fillId="2" borderId="8" xfId="0" applyNumberFormat="1" applyFont="1" applyFill="1" applyBorder="1" applyAlignment="1">
      <alignment horizontal="center"/>
    </xf>
    <xf numFmtId="49" fontId="5" fillId="2" borderId="8" xfId="0" applyNumberFormat="1" applyFont="1" applyFill="1" applyBorder="1" applyAlignment="1">
      <alignment horizontal="center"/>
    </xf>
    <xf numFmtId="165" fontId="5" fillId="0" borderId="2" xfId="5" applyNumberFormat="1" applyFont="1" applyFill="1" applyBorder="1" applyAlignment="1">
      <alignment vertical="center"/>
    </xf>
    <xf numFmtId="165" fontId="5" fillId="0" borderId="8" xfId="5" applyNumberFormat="1" applyFont="1" applyFill="1" applyBorder="1" applyAlignment="1">
      <alignment vertical="center"/>
    </xf>
    <xf numFmtId="165" fontId="4" fillId="0" borderId="2" xfId="5" applyNumberFormat="1" applyFont="1" applyFill="1" applyBorder="1" applyAlignment="1">
      <alignment vertical="center"/>
    </xf>
    <xf numFmtId="165" fontId="4" fillId="0" borderId="8" xfId="5" applyNumberFormat="1" applyFont="1" applyFill="1" applyBorder="1" applyAlignment="1">
      <alignment vertical="center"/>
    </xf>
    <xf numFmtId="0" fontId="9" fillId="0" borderId="12" xfId="0" applyFont="1" applyFill="1" applyBorder="1" applyAlignment="1">
      <alignment horizontal="justify" vertical="center" wrapText="1"/>
    </xf>
    <xf numFmtId="165" fontId="4" fillId="0" borderId="13" xfId="5" applyNumberFormat="1" applyFont="1" applyFill="1" applyBorder="1" applyAlignment="1">
      <alignment vertical="center"/>
    </xf>
    <xf numFmtId="165" fontId="4" fillId="0" borderId="1" xfId="5" applyNumberFormat="1" applyFont="1" applyFill="1" applyBorder="1" applyAlignment="1">
      <alignment vertical="center"/>
    </xf>
    <xf numFmtId="165" fontId="5" fillId="0" borderId="14" xfId="5" applyNumberFormat="1" applyFont="1" applyFill="1" applyBorder="1" applyAlignment="1">
      <alignment vertical="center"/>
    </xf>
    <xf numFmtId="165" fontId="5" fillId="0" borderId="15" xfId="5" applyNumberFormat="1" applyFont="1" applyFill="1" applyBorder="1" applyAlignment="1">
      <alignment vertical="center"/>
    </xf>
    <xf numFmtId="165" fontId="5" fillId="0" borderId="10" xfId="5" applyNumberFormat="1" applyFont="1" applyFill="1" applyBorder="1" applyAlignment="1">
      <alignment vertical="center"/>
    </xf>
    <xf numFmtId="165" fontId="4" fillId="0" borderId="10" xfId="5" applyNumberFormat="1" applyFont="1" applyFill="1" applyBorder="1" applyAlignment="1">
      <alignment vertical="center"/>
    </xf>
    <xf numFmtId="165" fontId="4" fillId="0" borderId="3" xfId="5" applyNumberFormat="1" applyFont="1" applyFill="1" applyBorder="1" applyAlignment="1">
      <alignment vertical="center"/>
    </xf>
    <xf numFmtId="165" fontId="4" fillId="0" borderId="12" xfId="5" applyNumberFormat="1" applyFont="1" applyFill="1" applyBorder="1" applyAlignment="1">
      <alignment vertical="center"/>
    </xf>
    <xf numFmtId="165" fontId="5" fillId="0" borderId="15" xfId="5" applyNumberFormat="1" applyFont="1" applyFill="1" applyBorder="1" applyAlignment="1">
      <alignment horizontal="center" vertical="center"/>
    </xf>
    <xf numFmtId="165" fontId="5" fillId="0" borderId="14" xfId="5" applyNumberFormat="1" applyFont="1" applyFill="1" applyBorder="1" applyAlignment="1">
      <alignment horizontal="center" vertical="center"/>
    </xf>
    <xf numFmtId="165" fontId="5" fillId="2" borderId="10" xfId="5" applyNumberFormat="1" applyFont="1" applyFill="1" applyBorder="1" applyAlignment="1">
      <alignment vertical="center"/>
    </xf>
    <xf numFmtId="165" fontId="4" fillId="0" borderId="15" xfId="5" applyNumberFormat="1" applyFont="1" applyFill="1" applyBorder="1" applyAlignment="1">
      <alignment horizontal="center" vertical="center"/>
    </xf>
    <xf numFmtId="3" fontId="4" fillId="0" borderId="5" xfId="0" quotePrefix="1" applyNumberFormat="1" applyFont="1" applyFill="1" applyBorder="1" applyAlignment="1">
      <alignment vertical="center"/>
    </xf>
    <xf numFmtId="0" fontId="5" fillId="2" borderId="9" xfId="0" applyFont="1" applyFill="1" applyBorder="1" applyAlignment="1">
      <alignment horizontal="left" vertical="center" wrapText="1"/>
    </xf>
    <xf numFmtId="165" fontId="5" fillId="2" borderId="11" xfId="5" applyNumberFormat="1" applyFont="1" applyFill="1" applyBorder="1" applyAlignment="1">
      <alignment vertical="center"/>
    </xf>
    <xf numFmtId="49" fontId="5" fillId="0" borderId="0" xfId="1" quotePrefix="1" applyNumberFormat="1" applyFont="1" applyFill="1" applyAlignment="1">
      <alignment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3" xfId="0" applyFont="1" applyFill="1" applyBorder="1" applyAlignment="1">
      <alignment horizontal="left" vertical="center"/>
    </xf>
    <xf numFmtId="0" fontId="4" fillId="0" borderId="0" xfId="0" applyFont="1" applyFill="1" applyBorder="1" applyAlignment="1">
      <alignment horizontal="center" vertical="center"/>
    </xf>
    <xf numFmtId="43" fontId="4" fillId="0" borderId="4" xfId="0" applyNumberFormat="1" applyFont="1" applyFill="1" applyBorder="1" applyAlignment="1">
      <alignment vertical="center" wrapText="1"/>
    </xf>
    <xf numFmtId="0" fontId="5" fillId="0" borderId="12" xfId="1" applyFont="1" applyBorder="1" applyAlignment="1">
      <alignment horizontal="left" vertical="center" wrapText="1"/>
    </xf>
    <xf numFmtId="0" fontId="5" fillId="2" borderId="8" xfId="0" applyNumberFormat="1" applyFont="1" applyFill="1" applyBorder="1" applyAlignment="1">
      <alignment horizontal="center" wrapText="1"/>
    </xf>
    <xf numFmtId="0" fontId="5" fillId="2" borderId="8" xfId="0" applyNumberFormat="1" applyFont="1" applyFill="1" applyBorder="1" applyAlignment="1">
      <alignment horizontal="center"/>
    </xf>
    <xf numFmtId="43" fontId="4" fillId="0" borderId="0" xfId="5" applyFont="1" applyFill="1" applyBorder="1" applyAlignment="1">
      <alignment horizontal="center" vertical="center"/>
    </xf>
    <xf numFmtId="0" fontId="4" fillId="0" borderId="0" xfId="0" applyFont="1" applyFill="1" applyBorder="1" applyAlignment="1">
      <alignment horizontal="center" vertical="center"/>
    </xf>
    <xf numFmtId="43" fontId="4" fillId="0" borderId="0" xfId="0" applyNumberFormat="1" applyFont="1" applyFill="1" applyBorder="1" applyAlignment="1">
      <alignment horizontal="center" vertical="center"/>
    </xf>
    <xf numFmtId="49" fontId="5" fillId="2" borderId="10" xfId="0" applyNumberFormat="1" applyFont="1" applyFill="1" applyBorder="1" applyAlignment="1">
      <alignment horizontal="center" vertical="center"/>
    </xf>
    <xf numFmtId="43" fontId="4" fillId="0" borderId="0" xfId="0" applyNumberFormat="1" applyFont="1" applyFill="1" applyAlignment="1">
      <alignment vertical="center"/>
    </xf>
    <xf numFmtId="165" fontId="5" fillId="0" borderId="3" xfId="0" applyNumberFormat="1" applyFont="1" applyFill="1" applyBorder="1" applyAlignment="1">
      <alignment vertical="center"/>
    </xf>
    <xf numFmtId="165" fontId="5" fillId="0" borderId="11" xfId="0" applyNumberFormat="1" applyFont="1" applyFill="1" applyBorder="1" applyAlignment="1">
      <alignment vertical="center"/>
    </xf>
    <xf numFmtId="165" fontId="4" fillId="0" borderId="8" xfId="0" applyNumberFormat="1" applyFont="1" applyFill="1" applyBorder="1" applyAlignment="1">
      <alignment vertical="center"/>
    </xf>
    <xf numFmtId="165" fontId="4" fillId="0" borderId="1" xfId="0" applyNumberFormat="1" applyFont="1" applyFill="1" applyBorder="1" applyAlignment="1">
      <alignment vertical="center"/>
    </xf>
    <xf numFmtId="165" fontId="5" fillId="2" borderId="9" xfId="0" applyNumberFormat="1" applyFont="1" applyFill="1" applyBorder="1" applyAlignment="1">
      <alignment vertical="center"/>
    </xf>
    <xf numFmtId="43" fontId="4" fillId="0" borderId="4" xfId="1" applyNumberFormat="1" applyFont="1" applyFill="1" applyBorder="1" applyAlignment="1">
      <alignment vertical="center"/>
    </xf>
    <xf numFmtId="43" fontId="4" fillId="0" borderId="7" xfId="1" applyNumberFormat="1" applyFont="1" applyFill="1" applyBorder="1" applyAlignment="1">
      <alignment vertical="center"/>
    </xf>
    <xf numFmtId="165" fontId="4" fillId="0" borderId="13" xfId="0" applyNumberFormat="1" applyFont="1" applyFill="1" applyBorder="1" applyAlignment="1">
      <alignment vertical="center"/>
    </xf>
    <xf numFmtId="165" fontId="5" fillId="0" borderId="6"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5" fillId="2" borderId="10" xfId="5" applyNumberFormat="1" applyFont="1" applyFill="1" applyBorder="1" applyAlignment="1">
      <alignment horizontal="center" vertical="center"/>
    </xf>
    <xf numFmtId="165" fontId="4" fillId="0" borderId="10" xfId="5" applyNumberFormat="1" applyFont="1" applyFill="1" applyBorder="1" applyAlignment="1">
      <alignment horizontal="center" vertical="center"/>
    </xf>
    <xf numFmtId="165" fontId="5" fillId="0" borderId="10" xfId="5" applyNumberFormat="1" applyFont="1" applyFill="1" applyBorder="1" applyAlignment="1">
      <alignment horizontal="center" vertical="center"/>
    </xf>
    <xf numFmtId="165" fontId="5" fillId="0" borderId="1" xfId="5" applyNumberFormat="1" applyFont="1" applyFill="1" applyBorder="1" applyAlignment="1">
      <alignment horizontal="center" vertical="center"/>
    </xf>
    <xf numFmtId="165" fontId="4" fillId="0" borderId="8" xfId="5" applyNumberFormat="1" applyFont="1" applyFill="1" applyBorder="1" applyAlignment="1">
      <alignment horizontal="center" vertical="center"/>
    </xf>
    <xf numFmtId="165" fontId="5" fillId="0" borderId="11"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165" fontId="5" fillId="2" borderId="10" xfId="0" applyNumberFormat="1" applyFont="1" applyFill="1" applyBorder="1" applyAlignment="1">
      <alignment horizontal="right" vertical="center" wrapText="1"/>
    </xf>
    <xf numFmtId="165" fontId="5" fillId="2" borderId="10" xfId="5" applyNumberFormat="1" applyFont="1" applyFill="1" applyBorder="1" applyAlignment="1">
      <alignment horizontal="right" vertical="center"/>
    </xf>
    <xf numFmtId="165" fontId="5" fillId="2" borderId="5" xfId="5" applyNumberFormat="1" applyFont="1" applyFill="1" applyBorder="1" applyAlignment="1">
      <alignment horizontal="right" vertical="center"/>
    </xf>
    <xf numFmtId="165" fontId="5" fillId="2" borderId="10" xfId="0" applyNumberFormat="1" applyFont="1" applyFill="1" applyBorder="1" applyAlignment="1">
      <alignment horizontal="right" vertical="center"/>
    </xf>
    <xf numFmtId="165" fontId="5" fillId="0" borderId="8" xfId="5" applyNumberFormat="1" applyFont="1" applyFill="1" applyBorder="1" applyAlignment="1">
      <alignment horizontal="right" vertical="center"/>
    </xf>
    <xf numFmtId="165" fontId="5" fillId="0" borderId="0" xfId="5" applyNumberFormat="1" applyFont="1" applyFill="1" applyBorder="1" applyAlignment="1">
      <alignment horizontal="right" vertical="center"/>
    </xf>
    <xf numFmtId="165" fontId="5" fillId="0" borderId="8" xfId="1" applyNumberFormat="1" applyFont="1" applyFill="1" applyBorder="1" applyAlignment="1">
      <alignment horizontal="center" vertical="center"/>
    </xf>
    <xf numFmtId="165" fontId="5" fillId="0" borderId="3" xfId="1" applyNumberFormat="1" applyFont="1" applyFill="1" applyBorder="1" applyAlignment="1">
      <alignment horizontal="center" vertical="center"/>
    </xf>
    <xf numFmtId="165" fontId="4" fillId="0" borderId="8" xfId="1" applyNumberFormat="1" applyFont="1" applyFill="1" applyBorder="1" applyAlignment="1">
      <alignment horizontal="center" vertical="center"/>
    </xf>
    <xf numFmtId="165" fontId="4" fillId="0" borderId="3" xfId="1" applyNumberFormat="1" applyFont="1" applyFill="1" applyBorder="1" applyAlignment="1">
      <alignment horizontal="center" vertical="center"/>
    </xf>
    <xf numFmtId="165" fontId="5" fillId="0" borderId="11" xfId="5" applyNumberFormat="1" applyFont="1" applyFill="1" applyBorder="1" applyAlignment="1">
      <alignment horizontal="right" vertical="center"/>
    </xf>
    <xf numFmtId="165" fontId="5" fillId="2" borderId="9" xfId="5" applyNumberFormat="1" applyFont="1" applyFill="1" applyBorder="1" applyAlignment="1">
      <alignment horizontal="right" vertical="center" wrapText="1"/>
    </xf>
    <xf numFmtId="165" fontId="5" fillId="2" borderId="10" xfId="0" applyNumberFormat="1" applyFont="1" applyFill="1" applyBorder="1" applyAlignment="1">
      <alignment horizontal="center" vertical="center"/>
    </xf>
    <xf numFmtId="165" fontId="4" fillId="0" borderId="8"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165" fontId="5" fillId="0" borderId="2" xfId="5" applyNumberFormat="1" applyFont="1" applyFill="1" applyBorder="1" applyAlignment="1">
      <alignment horizontal="center" vertical="center"/>
    </xf>
    <xf numFmtId="165" fontId="4" fillId="0" borderId="2" xfId="5" applyNumberFormat="1" applyFont="1" applyFill="1" applyBorder="1" applyAlignment="1">
      <alignment horizontal="center" vertical="center"/>
    </xf>
    <xf numFmtId="165" fontId="24" fillId="0" borderId="2" xfId="5" applyNumberFormat="1" applyFont="1" applyFill="1" applyBorder="1" applyAlignment="1">
      <alignment vertical="center"/>
    </xf>
    <xf numFmtId="165" fontId="5" fillId="0" borderId="1" xfId="5" applyNumberFormat="1" applyFont="1" applyFill="1" applyBorder="1" applyAlignment="1">
      <alignment vertical="center"/>
    </xf>
    <xf numFmtId="165" fontId="5" fillId="0" borderId="5" xfId="5" applyNumberFormat="1" applyFont="1" applyFill="1" applyBorder="1" applyAlignment="1">
      <alignment vertical="center"/>
    </xf>
    <xf numFmtId="165" fontId="5" fillId="2" borderId="1" xfId="5" applyNumberFormat="1" applyFont="1" applyFill="1" applyBorder="1" applyAlignment="1">
      <alignment vertical="center"/>
    </xf>
    <xf numFmtId="165" fontId="5" fillId="2" borderId="1" xfId="5" applyNumberFormat="1" applyFont="1" applyFill="1" applyBorder="1" applyAlignment="1">
      <alignment horizontal="center" vertical="center"/>
    </xf>
    <xf numFmtId="165" fontId="4" fillId="0" borderId="2" xfId="0" applyNumberFormat="1" applyFont="1" applyFill="1" applyBorder="1" applyAlignment="1">
      <alignment horizontal="center" vertical="center"/>
    </xf>
    <xf numFmtId="165" fontId="4" fillId="0" borderId="2" xfId="0" applyNumberFormat="1" applyFont="1" applyFill="1" applyBorder="1" applyAlignment="1">
      <alignment vertical="center"/>
    </xf>
    <xf numFmtId="165" fontId="20" fillId="0" borderId="2" xfId="5" applyNumberFormat="1" applyFont="1" applyFill="1" applyBorder="1" applyAlignment="1">
      <alignment vertical="center"/>
    </xf>
    <xf numFmtId="165" fontId="19" fillId="0" borderId="2" xfId="5" applyNumberFormat="1" applyFont="1" applyFill="1" applyBorder="1" applyAlignment="1">
      <alignment vertical="center"/>
    </xf>
    <xf numFmtId="165" fontId="5" fillId="2" borderId="15" xfId="0" applyNumberFormat="1" applyFont="1" applyFill="1" applyBorder="1" applyAlignment="1">
      <alignment horizontal="center" vertical="center"/>
    </xf>
    <xf numFmtId="165" fontId="5" fillId="2" borderId="15" xfId="0" applyNumberFormat="1" applyFont="1" applyFill="1" applyBorder="1" applyAlignment="1">
      <alignment vertical="center"/>
    </xf>
    <xf numFmtId="165" fontId="5" fillId="0" borderId="2" xfId="3" applyNumberFormat="1" applyFont="1" applyFill="1" applyBorder="1" applyAlignment="1">
      <alignment horizontal="center" vertical="center" wrapText="1"/>
    </xf>
    <xf numFmtId="165" fontId="5" fillId="0" borderId="2" xfId="0" applyNumberFormat="1" applyFont="1" applyFill="1" applyBorder="1" applyAlignment="1">
      <alignment vertical="center"/>
    </xf>
    <xf numFmtId="165" fontId="5" fillId="0" borderId="8" xfId="0" applyNumberFormat="1" applyFont="1" applyFill="1" applyBorder="1" applyAlignment="1">
      <alignment horizontal="center" vertical="center"/>
    </xf>
    <xf numFmtId="165" fontId="4" fillId="0" borderId="2" xfId="3" applyNumberFormat="1" applyFont="1" applyFill="1" applyBorder="1" applyAlignment="1">
      <alignment horizontal="center" vertical="center" wrapText="1"/>
    </xf>
    <xf numFmtId="165" fontId="4" fillId="0" borderId="0" xfId="3" applyNumberFormat="1" applyFont="1" applyFill="1" applyBorder="1" applyAlignment="1">
      <alignment horizontal="center" vertical="center" wrapText="1"/>
    </xf>
    <xf numFmtId="165" fontId="5" fillId="2" borderId="15" xfId="3" applyNumberFormat="1" applyFont="1" applyFill="1" applyBorder="1" applyAlignment="1">
      <alignment horizontal="center" vertical="center" wrapText="1"/>
    </xf>
    <xf numFmtId="165" fontId="5" fillId="0" borderId="11" xfId="5" applyNumberFormat="1" applyFont="1" applyFill="1" applyBorder="1" applyAlignment="1">
      <alignment vertical="center"/>
    </xf>
    <xf numFmtId="165" fontId="4" fillId="0" borderId="8" xfId="5" applyNumberFormat="1" applyFont="1" applyFill="1" applyBorder="1" applyAlignment="1">
      <alignment horizontal="center" vertical="center" wrapText="1"/>
    </xf>
    <xf numFmtId="165" fontId="5" fillId="0" borderId="11" xfId="5" applyNumberFormat="1" applyFont="1" applyFill="1" applyBorder="1" applyAlignment="1">
      <alignment horizontal="center" vertical="center" wrapText="1"/>
    </xf>
    <xf numFmtId="165" fontId="4" fillId="0" borderId="8" xfId="3" applyNumberFormat="1" applyFont="1" applyFill="1" applyBorder="1" applyAlignment="1">
      <alignment horizontal="center" vertical="center" wrapText="1"/>
    </xf>
    <xf numFmtId="165" fontId="5" fillId="0" borderId="8" xfId="5" applyNumberFormat="1" applyFont="1" applyFill="1" applyBorder="1" applyAlignment="1">
      <alignment horizontal="center" vertical="center" wrapText="1"/>
    </xf>
    <xf numFmtId="165" fontId="5" fillId="0" borderId="8" xfId="5" applyNumberFormat="1" applyFont="1" applyFill="1" applyBorder="1" applyAlignment="1">
      <alignment horizontal="left" vertical="center"/>
    </xf>
    <xf numFmtId="165" fontId="5" fillId="0" borderId="2" xfId="5" applyNumberFormat="1" applyFont="1" applyFill="1" applyBorder="1" applyAlignment="1">
      <alignment horizontal="left" vertical="center"/>
    </xf>
    <xf numFmtId="165" fontId="4" fillId="0" borderId="2" xfId="5" applyNumberFormat="1" applyFont="1" applyFill="1" applyBorder="1" applyAlignment="1">
      <alignment horizontal="left" vertical="center"/>
    </xf>
    <xf numFmtId="165" fontId="4" fillId="0" borderId="8" xfId="5" applyNumberFormat="1" applyFont="1" applyFill="1" applyBorder="1" applyAlignment="1">
      <alignment horizontal="left" vertical="center"/>
    </xf>
    <xf numFmtId="165" fontId="4" fillId="0" borderId="2" xfId="5" applyNumberFormat="1" applyFont="1" applyBorder="1"/>
    <xf numFmtId="165" fontId="5" fillId="0" borderId="12" xfId="3" applyNumberFormat="1" applyFont="1" applyFill="1" applyBorder="1" applyAlignment="1">
      <alignment horizontal="center" vertical="center" wrapText="1"/>
    </xf>
    <xf numFmtId="165" fontId="5" fillId="2" borderId="15" xfId="5" applyNumberFormat="1" applyFont="1" applyFill="1" applyBorder="1" applyAlignment="1">
      <alignment horizontal="left" vertical="center"/>
    </xf>
    <xf numFmtId="165" fontId="5" fillId="2" borderId="10" xfId="5" applyNumberFormat="1" applyFont="1" applyFill="1" applyBorder="1" applyAlignment="1">
      <alignment horizontal="left" vertical="center"/>
    </xf>
    <xf numFmtId="165" fontId="4" fillId="0" borderId="0" xfId="5" applyNumberFormat="1" applyFont="1" applyFill="1" applyBorder="1" applyAlignment="1">
      <alignment vertical="center"/>
    </xf>
    <xf numFmtId="165" fontId="4" fillId="0" borderId="5" xfId="5" applyNumberFormat="1" applyFont="1" applyFill="1" applyBorder="1" applyAlignment="1">
      <alignment vertical="center"/>
    </xf>
    <xf numFmtId="165" fontId="4" fillId="0" borderId="14" xfId="5" applyNumberFormat="1" applyFont="1" applyFill="1" applyBorder="1" applyAlignment="1">
      <alignment vertical="center"/>
    </xf>
    <xf numFmtId="165" fontId="4" fillId="0" borderId="4" xfId="5" applyNumberFormat="1" applyFont="1" applyFill="1" applyBorder="1" applyAlignment="1">
      <alignment vertical="center"/>
    </xf>
    <xf numFmtId="165" fontId="4" fillId="0" borderId="2" xfId="5" applyNumberFormat="1" applyFont="1" applyFill="1" applyBorder="1" applyAlignment="1"/>
    <xf numFmtId="165" fontId="5" fillId="0" borderId="14" xfId="5" applyNumberFormat="1" applyFont="1" applyFill="1" applyBorder="1" applyAlignment="1">
      <alignment horizontal="right" vertical="center" wrapText="1"/>
    </xf>
    <xf numFmtId="165" fontId="5" fillId="0" borderId="4" xfId="0" applyNumberFormat="1" applyFont="1" applyFill="1" applyBorder="1" applyAlignment="1">
      <alignment horizontal="center" vertical="center"/>
    </xf>
    <xf numFmtId="165" fontId="4" fillId="0" borderId="2" xfId="5" applyNumberFormat="1" applyFont="1" applyFill="1" applyBorder="1" applyAlignment="1">
      <alignment horizontal="right" vertical="center"/>
    </xf>
    <xf numFmtId="165" fontId="23" fillId="0" borderId="2" xfId="5" applyNumberFormat="1" applyFont="1" applyFill="1" applyBorder="1" applyAlignment="1">
      <alignment horizontal="right" vertical="center"/>
    </xf>
    <xf numFmtId="165" fontId="4" fillId="0" borderId="8" xfId="5" applyNumberFormat="1" applyFont="1" applyFill="1" applyBorder="1" applyAlignment="1">
      <alignment horizontal="right" vertical="center"/>
    </xf>
    <xf numFmtId="165" fontId="4" fillId="0" borderId="2" xfId="5" quotePrefix="1" applyNumberFormat="1" applyFont="1" applyFill="1" applyBorder="1" applyAlignment="1">
      <alignment horizontal="right" vertical="center"/>
    </xf>
    <xf numFmtId="165" fontId="22" fillId="0" borderId="8" xfId="5" applyNumberFormat="1" applyFont="1" applyFill="1" applyBorder="1" applyAlignment="1">
      <alignment horizontal="right" vertical="center"/>
    </xf>
    <xf numFmtId="165" fontId="5" fillId="0" borderId="2" xfId="5" applyNumberFormat="1" applyFont="1" applyFill="1" applyBorder="1" applyAlignment="1">
      <alignment horizontal="right" vertical="center" wrapText="1"/>
    </xf>
    <xf numFmtId="165" fontId="5" fillId="0" borderId="0" xfId="0" applyNumberFormat="1" applyFont="1" applyFill="1" applyBorder="1" applyAlignment="1">
      <alignment horizontal="center" vertical="center"/>
    </xf>
    <xf numFmtId="165" fontId="5" fillId="0" borderId="7" xfId="0" applyNumberFormat="1" applyFont="1" applyFill="1" applyBorder="1" applyAlignment="1">
      <alignment horizontal="center" vertical="center"/>
    </xf>
    <xf numFmtId="165" fontId="4" fillId="0" borderId="5" xfId="0" applyNumberFormat="1" applyFont="1" applyFill="1" applyBorder="1" applyAlignment="1">
      <alignment vertical="center"/>
    </xf>
    <xf numFmtId="165" fontId="4" fillId="0" borderId="0" xfId="0" applyNumberFormat="1" applyFont="1" applyFill="1" applyAlignment="1">
      <alignment horizontal="center" vertical="center"/>
    </xf>
    <xf numFmtId="165" fontId="4" fillId="0" borderId="5" xfId="0" applyNumberFormat="1" applyFont="1" applyFill="1" applyBorder="1" applyAlignment="1">
      <alignment horizontal="center" vertical="center"/>
    </xf>
    <xf numFmtId="165" fontId="25" fillId="0" borderId="2" xfId="0" applyNumberFormat="1" applyFont="1" applyFill="1" applyBorder="1" applyAlignment="1">
      <alignment horizontal="right" vertical="center"/>
    </xf>
    <xf numFmtId="165" fontId="24" fillId="0" borderId="2" xfId="5" applyNumberFormat="1" applyFont="1" applyFill="1" applyBorder="1" applyAlignment="1">
      <alignment horizontal="right" vertical="center"/>
    </xf>
    <xf numFmtId="165" fontId="24" fillId="0" borderId="8" xfId="5" applyNumberFormat="1" applyFont="1" applyFill="1" applyBorder="1" applyAlignment="1">
      <alignment horizontal="right" vertical="center"/>
    </xf>
    <xf numFmtId="165" fontId="5" fillId="0" borderId="0" xfId="5" applyNumberFormat="1" applyFont="1" applyFill="1" applyBorder="1" applyAlignment="1">
      <alignment vertical="center"/>
    </xf>
    <xf numFmtId="165" fontId="4" fillId="0" borderId="11" xfId="1" applyNumberFormat="1" applyFont="1" applyFill="1" applyBorder="1" applyAlignment="1">
      <alignment vertical="center"/>
    </xf>
    <xf numFmtId="165" fontId="4" fillId="0" borderId="8" xfId="1" applyNumberFormat="1" applyFont="1" applyFill="1" applyBorder="1" applyAlignment="1">
      <alignment vertical="center"/>
    </xf>
    <xf numFmtId="165" fontId="5" fillId="0" borderId="8" xfId="1" applyNumberFormat="1" applyFont="1" applyFill="1" applyBorder="1" applyAlignment="1">
      <alignment vertical="center"/>
    </xf>
    <xf numFmtId="165" fontId="5" fillId="0" borderId="11" xfId="1" applyNumberFormat="1" applyFont="1" applyFill="1" applyBorder="1" applyAlignment="1">
      <alignment vertical="center"/>
    </xf>
    <xf numFmtId="165" fontId="5" fillId="0" borderId="6" xfId="5" applyNumberFormat="1" applyFont="1" applyFill="1" applyBorder="1" applyAlignment="1">
      <alignment horizontal="left" vertical="center" wrapText="1"/>
    </xf>
    <xf numFmtId="165" fontId="5" fillId="0" borderId="14" xfId="5" applyNumberFormat="1" applyFont="1" applyFill="1" applyBorder="1" applyAlignment="1">
      <alignment horizontal="left" vertical="center" wrapText="1"/>
    </xf>
    <xf numFmtId="165" fontId="5" fillId="0" borderId="3" xfId="5" applyNumberFormat="1" applyFont="1" applyFill="1" applyBorder="1" applyAlignment="1">
      <alignment horizontal="right" vertical="center" wrapText="1"/>
    </xf>
    <xf numFmtId="165" fontId="5" fillId="0" borderId="6" xfId="5" applyNumberFormat="1" applyFont="1" applyFill="1" applyBorder="1" applyAlignment="1">
      <alignment horizontal="right" vertical="center" wrapText="1"/>
    </xf>
    <xf numFmtId="165" fontId="5" fillId="0" borderId="11" xfId="5" applyNumberFormat="1" applyFont="1" applyFill="1" applyBorder="1" applyAlignment="1">
      <alignment horizontal="left" vertical="center" wrapText="1"/>
    </xf>
    <xf numFmtId="165" fontId="4" fillId="0" borderId="3" xfId="1" applyNumberFormat="1" applyFont="1" applyFill="1" applyBorder="1" applyAlignment="1">
      <alignment horizontal="left" vertical="center" wrapText="1"/>
    </xf>
    <xf numFmtId="165" fontId="4" fillId="0" borderId="2" xfId="5" applyNumberFormat="1" applyFont="1" applyFill="1" applyBorder="1" applyAlignment="1">
      <alignment horizontal="left" vertical="center" wrapText="1"/>
    </xf>
    <xf numFmtId="165" fontId="4" fillId="0" borderId="3" xfId="5" applyNumberFormat="1" applyFont="1" applyFill="1" applyBorder="1" applyAlignment="1">
      <alignment horizontal="right" vertical="center" wrapText="1"/>
    </xf>
    <xf numFmtId="165" fontId="5" fillId="0" borderId="8" xfId="5" applyNumberFormat="1" applyFont="1" applyFill="1" applyBorder="1" applyAlignment="1">
      <alignment horizontal="left" vertical="center" wrapText="1"/>
    </xf>
    <xf numFmtId="165" fontId="5" fillId="0" borderId="3" xfId="5" applyNumberFormat="1" applyFont="1" applyFill="1" applyBorder="1" applyAlignment="1">
      <alignment horizontal="left" vertical="center" wrapText="1"/>
    </xf>
    <xf numFmtId="165" fontId="5" fillId="0" borderId="2" xfId="5" applyNumberFormat="1" applyFont="1" applyFill="1" applyBorder="1" applyAlignment="1">
      <alignment horizontal="left" vertical="center" wrapText="1"/>
    </xf>
    <xf numFmtId="165" fontId="4" fillId="0" borderId="12" xfId="1" applyNumberFormat="1" applyFont="1" applyFill="1" applyBorder="1" applyAlignment="1">
      <alignment horizontal="left" vertical="center" wrapText="1"/>
    </xf>
    <xf numFmtId="165" fontId="5" fillId="0" borderId="13" xfId="5" applyNumberFormat="1" applyFont="1" applyFill="1" applyBorder="1" applyAlignment="1">
      <alignment horizontal="left" vertical="center" wrapText="1"/>
    </xf>
    <xf numFmtId="165" fontId="4" fillId="0" borderId="13" xfId="5" applyNumberFormat="1" applyFont="1" applyFill="1" applyBorder="1" applyAlignment="1">
      <alignment horizontal="right" vertical="center" wrapText="1"/>
    </xf>
    <xf numFmtId="165" fontId="4" fillId="0" borderId="12" xfId="5" applyNumberFormat="1" applyFont="1" applyFill="1" applyBorder="1" applyAlignment="1">
      <alignment horizontal="right" vertical="center" wrapText="1"/>
    </xf>
    <xf numFmtId="165" fontId="5" fillId="0" borderId="1" xfId="5" applyNumberFormat="1" applyFont="1" applyFill="1" applyBorder="1" applyAlignment="1">
      <alignment horizontal="left" vertical="center" wrapText="1"/>
    </xf>
    <xf numFmtId="165" fontId="5" fillId="2" borderId="12" xfId="1" applyNumberFormat="1" applyFont="1" applyFill="1" applyBorder="1" applyAlignment="1">
      <alignment horizontal="left" vertical="center" wrapText="1"/>
    </xf>
    <xf numFmtId="165" fontId="5" fillId="2" borderId="12" xfId="5" applyNumberFormat="1" applyFont="1" applyFill="1" applyBorder="1" applyAlignment="1">
      <alignment horizontal="right" vertical="center" wrapText="1"/>
    </xf>
    <xf numFmtId="165" fontId="5" fillId="2" borderId="1" xfId="5" applyNumberFormat="1" applyFont="1" applyFill="1" applyBorder="1" applyAlignment="1">
      <alignment horizontal="right" vertical="center" wrapText="1"/>
    </xf>
    <xf numFmtId="165" fontId="5" fillId="2" borderId="1" xfId="1" applyNumberFormat="1" applyFont="1" applyFill="1" applyBorder="1" applyAlignment="1">
      <alignment horizontal="left" vertical="center" wrapText="1"/>
    </xf>
    <xf numFmtId="165" fontId="4" fillId="0" borderId="1" xfId="1" applyNumberFormat="1" applyFont="1" applyFill="1" applyBorder="1" applyAlignment="1">
      <alignment vertical="center"/>
    </xf>
    <xf numFmtId="165" fontId="5" fillId="0" borderId="10" xfId="2" applyNumberFormat="1" applyFont="1" applyFill="1" applyBorder="1" applyAlignment="1">
      <alignment vertical="center"/>
    </xf>
    <xf numFmtId="165" fontId="5" fillId="0" borderId="14" xfId="5" applyNumberFormat="1" applyFont="1" applyFill="1" applyBorder="1" applyAlignment="1">
      <alignment horizontal="right" vertical="center"/>
    </xf>
    <xf numFmtId="165" fontId="4" fillId="0" borderId="3" xfId="5" applyNumberFormat="1" applyFont="1" applyFill="1" applyBorder="1" applyAlignment="1">
      <alignment horizontal="left" vertical="center" wrapText="1"/>
    </xf>
    <xf numFmtId="165" fontId="4" fillId="0" borderId="2" xfId="5" applyNumberFormat="1" applyFont="1" applyFill="1" applyBorder="1" applyAlignment="1">
      <alignment horizontal="right" vertical="center" wrapText="1"/>
    </xf>
    <xf numFmtId="165" fontId="5" fillId="2" borderId="9" xfId="5" applyNumberFormat="1" applyFont="1" applyFill="1" applyBorder="1" applyAlignment="1">
      <alignment horizontal="left" vertical="center" wrapText="1"/>
    </xf>
    <xf numFmtId="165" fontId="5" fillId="2" borderId="10" xfId="5" applyNumberFormat="1" applyFont="1" applyFill="1" applyBorder="1" applyAlignment="1">
      <alignment horizontal="left" vertical="center" wrapText="1"/>
    </xf>
    <xf numFmtId="165" fontId="5" fillId="0" borderId="5" xfId="1" applyNumberFormat="1" applyFont="1" applyFill="1" applyBorder="1" applyAlignment="1">
      <alignment vertical="center"/>
    </xf>
    <xf numFmtId="165" fontId="5" fillId="0" borderId="2" xfId="1" applyNumberFormat="1" applyFont="1" applyFill="1" applyBorder="1" applyAlignment="1">
      <alignment vertical="center"/>
    </xf>
    <xf numFmtId="165" fontId="4" fillId="0" borderId="2" xfId="1" applyNumberFormat="1" applyFont="1" applyFill="1" applyBorder="1" applyAlignment="1">
      <alignment vertical="center" wrapText="1"/>
    </xf>
    <xf numFmtId="165" fontId="5" fillId="0" borderId="2" xfId="1" applyNumberFormat="1" applyFont="1" applyFill="1" applyBorder="1" applyAlignment="1">
      <alignment vertical="center" wrapText="1"/>
    </xf>
    <xf numFmtId="165" fontId="4" fillId="0" borderId="2" xfId="1" applyNumberFormat="1" applyFont="1" applyFill="1" applyBorder="1" applyAlignment="1">
      <alignment vertical="center"/>
    </xf>
    <xf numFmtId="165" fontId="5" fillId="2" borderId="15" xfId="1" applyNumberFormat="1" applyFont="1" applyFill="1" applyBorder="1" applyAlignment="1">
      <alignment vertical="center"/>
    </xf>
    <xf numFmtId="165" fontId="5" fillId="0" borderId="1" xfId="1" applyNumberFormat="1" applyFont="1" applyFill="1" applyBorder="1" applyAlignment="1">
      <alignment vertical="center"/>
    </xf>
    <xf numFmtId="165" fontId="5" fillId="2" borderId="10" xfId="1" applyNumberFormat="1" applyFont="1" applyFill="1" applyBorder="1" applyAlignment="1">
      <alignment horizontal="center" vertical="center"/>
    </xf>
    <xf numFmtId="165" fontId="5" fillId="2" borderId="5" xfId="1" applyNumberFormat="1" applyFont="1" applyFill="1" applyBorder="1" applyAlignment="1">
      <alignment horizontal="center" vertical="center"/>
    </xf>
    <xf numFmtId="165" fontId="4" fillId="0" borderId="14" xfId="1" applyNumberFormat="1" applyFont="1" applyFill="1" applyBorder="1" applyAlignment="1">
      <alignment vertical="center"/>
    </xf>
    <xf numFmtId="165" fontId="5" fillId="2" borderId="10" xfId="1" applyNumberFormat="1" applyFont="1" applyFill="1" applyBorder="1" applyAlignment="1">
      <alignment horizontal="center" vertical="center" wrapText="1"/>
    </xf>
    <xf numFmtId="165" fontId="5" fillId="2" borderId="1" xfId="1" applyNumberFormat="1" applyFont="1" applyFill="1" applyBorder="1" applyAlignment="1">
      <alignment horizontal="center" vertical="center"/>
    </xf>
    <xf numFmtId="165" fontId="5" fillId="2" borderId="10" xfId="1" applyNumberFormat="1" applyFont="1" applyFill="1" applyBorder="1" applyAlignment="1">
      <alignment vertical="center"/>
    </xf>
    <xf numFmtId="165" fontId="5" fillId="2" borderId="15" xfId="1" applyNumberFormat="1" applyFont="1" applyFill="1" applyBorder="1" applyAlignment="1">
      <alignment horizontal="center" vertical="center"/>
    </xf>
    <xf numFmtId="165" fontId="5" fillId="2" borderId="7" xfId="1" applyNumberFormat="1" applyFont="1" applyFill="1" applyBorder="1" applyAlignment="1">
      <alignment vertical="center"/>
    </xf>
    <xf numFmtId="165" fontId="4" fillId="3" borderId="14" xfId="1" applyNumberFormat="1" applyFont="1" applyFill="1" applyBorder="1" applyAlignment="1">
      <alignment horizontal="left" vertical="center"/>
    </xf>
    <xf numFmtId="165" fontId="4" fillId="3" borderId="6" xfId="1" applyNumberFormat="1" applyFont="1" applyFill="1" applyBorder="1" applyAlignment="1">
      <alignment horizontal="left" vertical="center"/>
    </xf>
    <xf numFmtId="165" fontId="4" fillId="0" borderId="2" xfId="1" applyNumberFormat="1" applyFont="1" applyFill="1" applyBorder="1" applyAlignment="1">
      <alignment horizontal="center" vertical="center"/>
    </xf>
    <xf numFmtId="165" fontId="5" fillId="0" borderId="0" xfId="1" applyNumberFormat="1" applyFont="1" applyFill="1" applyBorder="1" applyAlignment="1">
      <alignment horizontal="center" vertical="center"/>
    </xf>
    <xf numFmtId="165" fontId="4" fillId="0" borderId="11" xfId="1" applyNumberFormat="1" applyFont="1" applyBorder="1" applyAlignment="1">
      <alignment vertical="center"/>
    </xf>
    <xf numFmtId="165" fontId="4" fillId="3" borderId="2" xfId="1" applyNumberFormat="1" applyFont="1" applyFill="1" applyBorder="1" applyAlignment="1">
      <alignment horizontal="left" vertical="center"/>
    </xf>
    <xf numFmtId="165" fontId="4" fillId="3" borderId="3" xfId="1" applyNumberFormat="1" applyFont="1" applyFill="1" applyBorder="1" applyAlignment="1">
      <alignment horizontal="left" vertical="center"/>
    </xf>
    <xf numFmtId="165" fontId="4" fillId="0" borderId="0" xfId="1" applyNumberFormat="1" applyFont="1" applyFill="1" applyBorder="1" applyAlignment="1">
      <alignment horizontal="center" vertical="center"/>
    </xf>
    <xf numFmtId="165" fontId="4" fillId="0" borderId="8" xfId="1" applyNumberFormat="1" applyFont="1" applyBorder="1" applyAlignment="1">
      <alignment vertical="center"/>
    </xf>
    <xf numFmtId="165" fontId="5" fillId="3" borderId="2" xfId="1" applyNumberFormat="1" applyFont="1" applyFill="1" applyBorder="1" applyAlignment="1">
      <alignment horizontal="left" vertical="center"/>
    </xf>
    <xf numFmtId="165" fontId="5" fillId="3" borderId="3" xfId="1" applyNumberFormat="1" applyFont="1" applyFill="1" applyBorder="1" applyAlignment="1">
      <alignment horizontal="left" vertical="center"/>
    </xf>
    <xf numFmtId="165" fontId="5" fillId="0" borderId="2" xfId="1" applyNumberFormat="1" applyFont="1" applyFill="1" applyBorder="1" applyAlignment="1">
      <alignment horizontal="center" vertical="center"/>
    </xf>
    <xf numFmtId="165" fontId="5" fillId="0" borderId="8" xfId="1" applyNumberFormat="1" applyFont="1" applyBorder="1" applyAlignment="1">
      <alignment vertical="center"/>
    </xf>
    <xf numFmtId="165" fontId="4" fillId="0" borderId="0" xfId="1" applyNumberFormat="1" applyFont="1" applyAlignment="1">
      <alignment vertical="center"/>
    </xf>
    <xf numFmtId="165" fontId="5" fillId="0" borderId="0" xfId="1" applyNumberFormat="1" applyFont="1" applyAlignment="1">
      <alignment vertical="center"/>
    </xf>
    <xf numFmtId="165" fontId="5" fillId="0" borderId="1" xfId="1" applyNumberFormat="1" applyFont="1" applyBorder="1" applyAlignment="1">
      <alignment vertical="center"/>
    </xf>
    <xf numFmtId="165" fontId="5" fillId="0" borderId="14" xfId="1" applyNumberFormat="1" applyFont="1" applyFill="1" applyBorder="1" applyAlignment="1">
      <alignment vertical="center"/>
    </xf>
    <xf numFmtId="165" fontId="5" fillId="0" borderId="11" xfId="1" applyNumberFormat="1" applyFont="1" applyBorder="1" applyAlignment="1">
      <alignment vertical="center"/>
    </xf>
    <xf numFmtId="165" fontId="4" fillId="0" borderId="1" xfId="1" applyNumberFormat="1" applyFont="1" applyBorder="1" applyAlignment="1">
      <alignment vertical="center"/>
    </xf>
    <xf numFmtId="165" fontId="4" fillId="0" borderId="8" xfId="0" applyNumberFormat="1" applyFont="1" applyFill="1" applyBorder="1" applyAlignment="1">
      <alignment horizontal="right" vertical="center" wrapText="1"/>
    </xf>
    <xf numFmtId="165" fontId="4" fillId="0" borderId="2" xfId="0" applyNumberFormat="1" applyFont="1" applyFill="1" applyBorder="1" applyAlignment="1">
      <alignment horizontal="right" vertical="center" wrapText="1"/>
    </xf>
    <xf numFmtId="165" fontId="4" fillId="0" borderId="8" xfId="0" applyNumberFormat="1" applyFont="1" applyFill="1" applyBorder="1" applyAlignment="1">
      <alignment vertical="center" wrapText="1"/>
    </xf>
    <xf numFmtId="165" fontId="5" fillId="2" borderId="15" xfId="0" applyNumberFormat="1" applyFont="1" applyFill="1" applyBorder="1" applyAlignment="1">
      <alignment horizontal="right" vertical="center" wrapText="1"/>
    </xf>
    <xf numFmtId="165" fontId="5" fillId="2" borderId="10" xfId="0" applyNumberFormat="1" applyFont="1" applyFill="1" applyBorder="1" applyAlignment="1">
      <alignment vertical="center" wrapText="1"/>
    </xf>
    <xf numFmtId="165" fontId="5" fillId="2" borderId="13" xfId="0" applyNumberFormat="1" applyFont="1" applyFill="1" applyBorder="1" applyAlignment="1">
      <alignment horizontal="right" vertical="center" wrapText="1"/>
    </xf>
    <xf numFmtId="165" fontId="4" fillId="0" borderId="13" xfId="0" applyNumberFormat="1" applyFont="1" applyFill="1" applyBorder="1" applyAlignment="1">
      <alignment horizontal="center" vertical="center"/>
    </xf>
    <xf numFmtId="165" fontId="5" fillId="0" borderId="14" xfId="0" applyNumberFormat="1" applyFont="1" applyFill="1" applyBorder="1" applyAlignment="1">
      <alignment vertical="center"/>
    </xf>
    <xf numFmtId="169" fontId="4" fillId="0" borderId="0" xfId="0" applyNumberFormat="1" applyFont="1" applyFill="1" applyAlignment="1">
      <alignment horizontal="right" vertical="center"/>
    </xf>
    <xf numFmtId="7" fontId="4" fillId="0" borderId="0" xfId="5" applyNumberFormat="1" applyFont="1" applyFill="1" applyAlignment="1">
      <alignment horizontal="right" vertical="center"/>
    </xf>
    <xf numFmtId="169" fontId="4" fillId="0" borderId="7" xfId="0" applyNumberFormat="1" applyFont="1" applyFill="1" applyBorder="1" applyAlignment="1">
      <alignment horizontal="right" vertical="center"/>
    </xf>
    <xf numFmtId="169" fontId="4" fillId="0" borderId="7" xfId="0" applyNumberFormat="1" applyFont="1" applyFill="1" applyBorder="1" applyAlignment="1">
      <alignment vertical="center"/>
    </xf>
    <xf numFmtId="43" fontId="4" fillId="0" borderId="8" xfId="3" applyNumberFormat="1"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1" xfId="0" applyFont="1" applyFill="1" applyBorder="1" applyAlignment="1">
      <alignment horizontal="center" vertical="center"/>
    </xf>
    <xf numFmtId="165" fontId="4" fillId="0" borderId="0" xfId="1" applyNumberFormat="1" applyFont="1" applyFill="1" applyBorder="1" applyAlignment="1">
      <alignment horizontal="center" vertical="center"/>
    </xf>
    <xf numFmtId="165" fontId="4" fillId="0" borderId="6" xfId="1" applyNumberFormat="1" applyFont="1" applyFill="1" applyBorder="1" applyAlignment="1">
      <alignment vertical="center"/>
    </xf>
    <xf numFmtId="165" fontId="4" fillId="0" borderId="3" xfId="1" applyNumberFormat="1" applyFont="1" applyFill="1" applyBorder="1" applyAlignment="1">
      <alignment vertical="center"/>
    </xf>
    <xf numFmtId="0" fontId="4" fillId="0" borderId="4" xfId="1" applyFont="1" applyFill="1" applyBorder="1" applyAlignment="1">
      <alignment horizontal="left" vertical="center" wrapText="1"/>
    </xf>
    <xf numFmtId="0" fontId="4" fillId="0" borderId="6" xfId="1" applyFont="1" applyFill="1" applyBorder="1" applyAlignment="1">
      <alignment vertical="center" wrapText="1"/>
    </xf>
    <xf numFmtId="165" fontId="4" fillId="0" borderId="0" xfId="0" applyNumberFormat="1" applyFont="1" applyFill="1" applyAlignment="1">
      <alignment vertical="center"/>
    </xf>
    <xf numFmtId="165" fontId="4" fillId="0" borderId="9" xfId="0" applyNumberFormat="1" applyFont="1" applyFill="1" applyBorder="1" applyAlignment="1">
      <alignment vertical="center"/>
    </xf>
    <xf numFmtId="165" fontId="4" fillId="0" borderId="15" xfId="0" applyNumberFormat="1" applyFont="1" applyFill="1" applyBorder="1" applyAlignment="1">
      <alignment horizontal="center" vertical="center"/>
    </xf>
    <xf numFmtId="49" fontId="5" fillId="2" borderId="1" xfId="0" applyNumberFormat="1" applyFont="1" applyFill="1" applyBorder="1" applyAlignment="1">
      <alignment horizontal="center" vertical="top"/>
    </xf>
    <xf numFmtId="0" fontId="5" fillId="2" borderId="1" xfId="1" applyFont="1" applyFill="1" applyBorder="1" applyAlignment="1">
      <alignment horizontal="center" vertical="top"/>
    </xf>
    <xf numFmtId="0" fontId="5" fillId="0" borderId="0" xfId="1" applyFont="1" applyFill="1" applyBorder="1" applyAlignment="1">
      <alignment horizontal="left" vertical="center"/>
    </xf>
    <xf numFmtId="0" fontId="5" fillId="2" borderId="4" xfId="1" applyFont="1" applyFill="1" applyBorder="1" applyAlignment="1">
      <alignment horizontal="center" vertical="center"/>
    </xf>
    <xf numFmtId="0" fontId="5" fillId="0" borderId="4" xfId="1" applyFont="1" applyFill="1" applyBorder="1" applyAlignment="1">
      <alignment horizontal="left" vertical="center"/>
    </xf>
    <xf numFmtId="0" fontId="4" fillId="0" borderId="3" xfId="1" applyFont="1" applyBorder="1" applyAlignment="1">
      <alignment horizontal="left" vertical="center"/>
    </xf>
    <xf numFmtId="0" fontId="5" fillId="0" borderId="12" xfId="1" applyFont="1" applyBorder="1" applyAlignment="1">
      <alignment horizontal="left" vertical="center"/>
    </xf>
    <xf numFmtId="0" fontId="5" fillId="0" borderId="6" xfId="1" applyFont="1" applyBorder="1" applyAlignment="1">
      <alignment horizontal="left" vertical="center"/>
    </xf>
    <xf numFmtId="0" fontId="5" fillId="0" borderId="3" xfId="1" applyFont="1" applyBorder="1" applyAlignment="1">
      <alignment horizontal="left" vertical="center"/>
    </xf>
    <xf numFmtId="0" fontId="5" fillId="2" borderId="14" xfId="1" applyFont="1" applyFill="1" applyBorder="1" applyAlignment="1">
      <alignment horizontal="center" vertical="center" wrapText="1"/>
    </xf>
    <xf numFmtId="0" fontId="5" fillId="2" borderId="7" xfId="1" applyFont="1" applyFill="1" applyBorder="1" applyAlignment="1">
      <alignment horizontal="center" vertical="top"/>
    </xf>
    <xf numFmtId="0" fontId="5" fillId="0" borderId="3" xfId="1" applyFont="1" applyFill="1" applyBorder="1" applyAlignment="1">
      <alignment horizontal="left" vertical="center"/>
    </xf>
    <xf numFmtId="0" fontId="5" fillId="0" borderId="0" xfId="1" applyFont="1" applyBorder="1" applyAlignment="1">
      <alignment vertical="center"/>
    </xf>
    <xf numFmtId="0" fontId="5" fillId="0" borderId="7" xfId="1" applyFont="1" applyBorder="1" applyAlignment="1">
      <alignment vertical="center"/>
    </xf>
    <xf numFmtId="0" fontId="5" fillId="0" borderId="12" xfId="1" applyFont="1" applyBorder="1" applyAlignment="1">
      <alignment vertical="center"/>
    </xf>
    <xf numFmtId="0" fontId="5" fillId="0" borderId="4" xfId="1" applyFont="1" applyBorder="1" applyAlignment="1">
      <alignment vertical="center"/>
    </xf>
    <xf numFmtId="0" fontId="5" fillId="2" borderId="13" xfId="1" applyFont="1" applyFill="1" applyBorder="1" applyAlignment="1">
      <alignment horizontal="center" vertical="top"/>
    </xf>
    <xf numFmtId="0" fontId="5" fillId="2" borderId="7" xfId="1" applyFont="1" applyFill="1" applyBorder="1" applyAlignment="1">
      <alignment horizontal="center" vertical="top" wrapText="1"/>
    </xf>
    <xf numFmtId="0" fontId="4" fillId="2" borderId="7" xfId="1" applyFont="1" applyFill="1" applyBorder="1" applyAlignment="1">
      <alignment horizontal="center" vertical="top"/>
    </xf>
    <xf numFmtId="0" fontId="5" fillId="2" borderId="7" xfId="1" applyFont="1" applyFill="1" applyBorder="1" applyAlignment="1">
      <alignment horizontal="center" vertical="top"/>
    </xf>
    <xf numFmtId="165" fontId="4" fillId="0" borderId="7" xfId="5" applyNumberFormat="1" applyFont="1" applyFill="1" applyBorder="1" applyAlignment="1">
      <alignment horizontal="center" vertical="center"/>
    </xf>
    <xf numFmtId="0" fontId="5" fillId="2" borderId="13" xfId="0" applyFont="1" applyFill="1" applyBorder="1" applyAlignment="1">
      <alignment horizontal="center" vertical="center"/>
    </xf>
    <xf numFmtId="0" fontId="5" fillId="2" borderId="2" xfId="0" applyFont="1" applyFill="1" applyBorder="1" applyAlignment="1">
      <alignment horizontal="center" vertical="center"/>
    </xf>
    <xf numFmtId="165" fontId="4" fillId="0" borderId="7" xfId="0" applyNumberFormat="1" applyFont="1" applyFill="1" applyBorder="1" applyAlignment="1">
      <alignment horizontal="center" vertical="center"/>
    </xf>
    <xf numFmtId="0" fontId="5" fillId="0" borderId="0" xfId="1" applyFont="1" applyFill="1" applyAlignment="1">
      <alignment vertical="top"/>
    </xf>
    <xf numFmtId="0" fontId="4" fillId="0" borderId="9" xfId="0" applyFont="1" applyFill="1" applyBorder="1" applyAlignment="1">
      <alignment vertical="center" wrapText="1"/>
    </xf>
    <xf numFmtId="165" fontId="5" fillId="0" borderId="4" xfId="0" applyNumberFormat="1" applyFont="1" applyFill="1" applyBorder="1" applyAlignment="1">
      <alignment vertical="center"/>
    </xf>
    <xf numFmtId="165" fontId="5" fillId="0" borderId="5" xfId="0" applyNumberFormat="1" applyFont="1" applyFill="1" applyBorder="1" applyAlignment="1">
      <alignment vertical="center"/>
    </xf>
    <xf numFmtId="0" fontId="5" fillId="0" borderId="4" xfId="0" applyFont="1" applyFill="1" applyBorder="1" applyAlignment="1">
      <alignment vertical="center"/>
    </xf>
    <xf numFmtId="165" fontId="4" fillId="0" borderId="7" xfId="0" applyNumberFormat="1" applyFont="1" applyFill="1" applyBorder="1" applyAlignment="1">
      <alignment vertical="center"/>
    </xf>
    <xf numFmtId="0" fontId="9" fillId="0" borderId="9" xfId="0" applyFont="1" applyFill="1" applyBorder="1" applyAlignment="1">
      <alignment vertical="center"/>
    </xf>
    <xf numFmtId="165" fontId="4" fillId="0" borderId="0" xfId="0" applyNumberFormat="1" applyFont="1" applyFill="1" applyBorder="1" applyAlignment="1">
      <alignment vertical="center"/>
    </xf>
    <xf numFmtId="43" fontId="27" fillId="0" borderId="2" xfId="5" applyNumberFormat="1" applyFont="1" applyFill="1" applyBorder="1" applyAlignment="1">
      <alignment horizontal="right" vertical="center"/>
    </xf>
    <xf numFmtId="0" fontId="5" fillId="0" borderId="12" xfId="1" applyFont="1" applyFill="1" applyBorder="1" applyAlignment="1">
      <alignment horizontal="left" vertical="center"/>
    </xf>
    <xf numFmtId="165" fontId="5" fillId="0" borderId="13" xfId="5" applyNumberFormat="1" applyFont="1" applyFill="1" applyBorder="1" applyAlignment="1">
      <alignment horizontal="right" vertical="center"/>
    </xf>
    <xf numFmtId="165" fontId="5" fillId="0" borderId="13" xfId="5" applyNumberFormat="1" applyFont="1" applyFill="1" applyBorder="1" applyAlignment="1">
      <alignment horizontal="right" vertical="center" wrapText="1"/>
    </xf>
    <xf numFmtId="43" fontId="4" fillId="0" borderId="0" xfId="1" applyNumberFormat="1" applyFont="1" applyAlignment="1">
      <alignment vertical="center"/>
    </xf>
    <xf numFmtId="43" fontId="4" fillId="0" borderId="0" xfId="1" applyNumberFormat="1" applyFont="1" applyBorder="1" applyAlignment="1">
      <alignment vertical="center"/>
    </xf>
    <xf numFmtId="165" fontId="26" fillId="0" borderId="8" xfId="0" applyNumberFormat="1" applyFont="1" applyFill="1" applyBorder="1" applyAlignment="1">
      <alignment vertical="center"/>
    </xf>
    <xf numFmtId="0" fontId="26" fillId="0" borderId="0" xfId="0" applyFont="1" applyFill="1" applyAlignment="1">
      <alignment vertical="center"/>
    </xf>
    <xf numFmtId="0" fontId="0" fillId="0" borderId="0" xfId="0" applyNumberFormat="1" applyFill="1" applyBorder="1" applyAlignment="1"/>
    <xf numFmtId="0" fontId="27" fillId="0" borderId="0" xfId="0" applyNumberFormat="1" applyFont="1" applyFill="1" applyBorder="1" applyAlignment="1"/>
    <xf numFmtId="0" fontId="27" fillId="0" borderId="0" xfId="0" applyFont="1" applyFill="1" applyAlignment="1">
      <alignment vertical="center"/>
    </xf>
    <xf numFmtId="0" fontId="4" fillId="0" borderId="0" xfId="0" applyFont="1" applyFill="1" applyAlignment="1"/>
    <xf numFmtId="0" fontId="4" fillId="0" borderId="0" xfId="0" applyNumberFormat="1" applyFont="1" applyFill="1" applyAlignment="1"/>
    <xf numFmtId="0" fontId="27" fillId="0" borderId="0" xfId="0" applyFont="1" applyFill="1" applyAlignment="1"/>
    <xf numFmtId="43" fontId="4" fillId="0" borderId="0" xfId="1" applyNumberFormat="1" applyFont="1" applyAlignment="1">
      <alignment vertical="center"/>
    </xf>
    <xf numFmtId="0" fontId="4" fillId="0" borderId="4" xfId="0" applyFont="1" applyFill="1" applyBorder="1" applyAlignment="1">
      <alignment horizontal="left" vertical="center" wrapText="1"/>
    </xf>
    <xf numFmtId="0" fontId="4" fillId="0" borderId="0" xfId="0" applyFont="1" applyFill="1" applyBorder="1" applyAlignment="1">
      <alignment horizontal="left" vertical="center" wrapText="1"/>
    </xf>
    <xf numFmtId="165" fontId="4" fillId="0" borderId="8" xfId="1" applyNumberFormat="1" applyFont="1" applyFill="1" applyBorder="1" applyAlignment="1">
      <alignment horizontal="center" vertical="center"/>
    </xf>
    <xf numFmtId="165" fontId="4" fillId="0" borderId="0" xfId="1" applyNumberFormat="1" applyFont="1" applyFill="1" applyBorder="1" applyAlignment="1">
      <alignment horizontal="center" vertical="center"/>
    </xf>
    <xf numFmtId="43" fontId="4" fillId="0" borderId="0" xfId="0" applyNumberFormat="1" applyFont="1" applyFill="1" applyAlignment="1">
      <alignment vertical="center"/>
    </xf>
    <xf numFmtId="0" fontId="4" fillId="3" borderId="4" xfId="1" applyFont="1" applyFill="1" applyBorder="1" applyAlignment="1">
      <alignment horizontal="center" vertical="center" wrapText="1"/>
    </xf>
    <xf numFmtId="0" fontId="4" fillId="3" borderId="0" xfId="1" applyFont="1" applyFill="1" applyBorder="1" applyAlignment="1">
      <alignment horizontal="center" vertical="center" wrapText="1"/>
    </xf>
    <xf numFmtId="43" fontId="5" fillId="0" borderId="6" xfId="1" applyNumberFormat="1" applyFont="1" applyFill="1" applyBorder="1" applyAlignment="1">
      <alignment horizontal="left" vertical="center"/>
    </xf>
    <xf numFmtId="43" fontId="5" fillId="0" borderId="3" xfId="1" applyNumberFormat="1" applyFont="1" applyFill="1" applyBorder="1" applyAlignment="1">
      <alignment horizontal="left" vertical="center"/>
    </xf>
    <xf numFmtId="43" fontId="5" fillId="0" borderId="4" xfId="1" applyNumberFormat="1" applyFont="1" applyBorder="1" applyAlignment="1">
      <alignment vertical="center"/>
    </xf>
    <xf numFmtId="43" fontId="5" fillId="0" borderId="0" xfId="1" applyNumberFormat="1" applyFont="1" applyBorder="1" applyAlignment="1">
      <alignment vertical="center"/>
    </xf>
    <xf numFmtId="43" fontId="5" fillId="0" borderId="0" xfId="1" applyNumberFormat="1" applyFont="1" applyFill="1" applyBorder="1" applyAlignment="1">
      <alignment horizontal="left" vertical="center" wrapText="1"/>
    </xf>
    <xf numFmtId="43" fontId="4" fillId="3" borderId="14" xfId="1" applyNumberFormat="1" applyFont="1" applyFill="1" applyBorder="1" applyAlignment="1">
      <alignment horizontal="right" vertical="center" wrapText="1"/>
    </xf>
    <xf numFmtId="43" fontId="27" fillId="3" borderId="2" xfId="1" applyNumberFormat="1" applyFont="1" applyFill="1" applyBorder="1" applyAlignment="1" applyProtection="1">
      <alignment horizontal="right" vertical="center" wrapText="1"/>
    </xf>
    <xf numFmtId="43" fontId="5" fillId="3" borderId="2" xfId="1" applyNumberFormat="1" applyFont="1" applyFill="1" applyBorder="1" applyAlignment="1">
      <alignment horizontal="right" vertical="center" wrapText="1"/>
    </xf>
    <xf numFmtId="43" fontId="5" fillId="2" borderId="15" xfId="1" applyNumberFormat="1" applyFont="1" applyFill="1" applyBorder="1" applyAlignment="1">
      <alignment horizontal="center" vertical="center" wrapText="1"/>
    </xf>
    <xf numFmtId="43" fontId="5" fillId="0" borderId="3" xfId="1" applyNumberFormat="1" applyFont="1" applyFill="1" applyBorder="1" applyAlignment="1">
      <alignment vertical="center"/>
    </xf>
    <xf numFmtId="0" fontId="27" fillId="0" borderId="0" xfId="0" applyNumberFormat="1" applyFont="1" applyBorder="1"/>
    <xf numFmtId="0" fontId="26" fillId="0" borderId="0" xfId="0" applyFont="1" applyFill="1" applyBorder="1" applyAlignment="1">
      <alignment vertical="center"/>
    </xf>
    <xf numFmtId="49" fontId="5" fillId="2" borderId="10" xfId="0" applyNumberFormat="1" applyFont="1" applyFill="1" applyBorder="1" applyAlignment="1">
      <alignment horizontal="center" vertical="center"/>
    </xf>
    <xf numFmtId="43" fontId="4" fillId="0" borderId="4" xfId="0" applyNumberFormat="1" applyFont="1" applyFill="1" applyBorder="1" applyAlignment="1">
      <alignment vertical="center"/>
    </xf>
    <xf numFmtId="43" fontId="4" fillId="0" borderId="0" xfId="0" applyNumberFormat="1" applyFont="1" applyFill="1" applyAlignment="1">
      <alignment vertical="center"/>
    </xf>
    <xf numFmtId="165" fontId="28" fillId="0" borderId="2" xfId="5" applyNumberFormat="1" applyFont="1" applyFill="1" applyBorder="1" applyAlignment="1">
      <alignment vertical="center"/>
    </xf>
    <xf numFmtId="165" fontId="5" fillId="0" borderId="7" xfId="5" applyNumberFormat="1" applyFont="1" applyFill="1" applyBorder="1" applyAlignment="1">
      <alignment vertical="center"/>
    </xf>
    <xf numFmtId="165" fontId="4" fillId="0" borderId="8" xfId="5" applyNumberFormat="1" applyFont="1" applyFill="1" applyBorder="1" applyAlignment="1">
      <alignment horizontal="center" vertical="center"/>
    </xf>
    <xf numFmtId="165" fontId="4" fillId="0" borderId="3" xfId="5" applyNumberFormat="1" applyFont="1" applyFill="1" applyBorder="1" applyAlignment="1">
      <alignment horizontal="center" vertical="center"/>
    </xf>
    <xf numFmtId="165" fontId="5" fillId="0" borderId="10" xfId="5" applyNumberFormat="1" applyFont="1" applyFill="1" applyBorder="1" applyAlignment="1">
      <alignment horizontal="center" vertical="center"/>
    </xf>
    <xf numFmtId="165" fontId="5" fillId="0" borderId="9" xfId="5" applyNumberFormat="1" applyFont="1" applyFill="1" applyBorder="1" applyAlignment="1">
      <alignment horizontal="center" vertical="center"/>
    </xf>
    <xf numFmtId="165" fontId="5" fillId="0" borderId="1" xfId="5" applyNumberFormat="1" applyFont="1" applyFill="1" applyBorder="1" applyAlignment="1">
      <alignment horizontal="center" vertical="center"/>
    </xf>
    <xf numFmtId="165" fontId="5" fillId="0" borderId="12" xfId="5" applyNumberFormat="1" applyFont="1" applyFill="1" applyBorder="1" applyAlignment="1">
      <alignment horizontal="center" vertical="center"/>
    </xf>
    <xf numFmtId="165" fontId="4" fillId="0" borderId="10" xfId="5" applyNumberFormat="1" applyFont="1" applyFill="1" applyBorder="1" applyAlignment="1">
      <alignment horizontal="center" vertical="center"/>
    </xf>
    <xf numFmtId="165" fontId="4" fillId="0" borderId="9" xfId="5" applyNumberFormat="1" applyFont="1" applyFill="1" applyBorder="1" applyAlignment="1">
      <alignment horizontal="center" vertical="center"/>
    </xf>
    <xf numFmtId="165" fontId="4" fillId="0" borderId="11" xfId="5" applyNumberFormat="1" applyFont="1" applyFill="1" applyBorder="1" applyAlignment="1">
      <alignment horizontal="center" vertical="center"/>
    </xf>
    <xf numFmtId="165" fontId="4" fillId="0" borderId="6"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165" fontId="4" fillId="0" borderId="12"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5" fillId="0" borderId="11" xfId="5" applyNumberFormat="1" applyFont="1" applyFill="1" applyBorder="1" applyAlignment="1">
      <alignment horizontal="center" vertical="center"/>
    </xf>
    <xf numFmtId="165" fontId="5" fillId="0" borderId="6" xfId="5" applyNumberFormat="1" applyFont="1" applyFill="1" applyBorder="1" applyAlignment="1">
      <alignment horizontal="center" vertical="center"/>
    </xf>
    <xf numFmtId="0" fontId="5" fillId="0" borderId="0" xfId="0" applyNumberFormat="1" applyFont="1" applyFill="1" applyAlignment="1">
      <alignment horizontal="center" vertical="center"/>
    </xf>
    <xf numFmtId="49" fontId="5" fillId="2" borderId="1" xfId="0" applyNumberFormat="1" applyFont="1" applyFill="1" applyBorder="1" applyAlignment="1">
      <alignment horizontal="center" vertical="top"/>
    </xf>
    <xf numFmtId="49" fontId="5" fillId="2" borderId="12" xfId="0" applyNumberFormat="1" applyFont="1" applyFill="1" applyBorder="1" applyAlignment="1">
      <alignment horizontal="center" vertical="top"/>
    </xf>
    <xf numFmtId="49" fontId="5" fillId="2" borderId="11"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xf>
    <xf numFmtId="49" fontId="5" fillId="2" borderId="11" xfId="0" applyNumberFormat="1" applyFont="1" applyFill="1" applyBorder="1" applyAlignment="1">
      <alignment horizontal="center" vertical="center" wrapText="1"/>
    </xf>
    <xf numFmtId="0" fontId="0" fillId="0" borderId="6" xfId="0" applyBorder="1" applyAlignment="1">
      <alignment vertical="center"/>
    </xf>
    <xf numFmtId="0" fontId="0" fillId="0" borderId="8" xfId="0" applyBorder="1" applyAlignment="1">
      <alignment vertical="center"/>
    </xf>
    <xf numFmtId="0" fontId="0" fillId="0" borderId="3" xfId="0" applyBorder="1" applyAlignment="1">
      <alignment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49" fontId="5" fillId="2" borderId="8"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wrapText="1"/>
    </xf>
    <xf numFmtId="49" fontId="5" fillId="2" borderId="8" xfId="0" applyNumberFormat="1" applyFont="1" applyFill="1" applyBorder="1" applyAlignment="1">
      <alignment horizontal="center" vertical="center" wrapText="1"/>
    </xf>
    <xf numFmtId="49" fontId="5" fillId="2" borderId="3" xfId="0" applyNumberFormat="1" applyFont="1" applyFill="1" applyBorder="1" applyAlignment="1">
      <alignment horizontal="center" vertical="center" wrapText="1"/>
    </xf>
    <xf numFmtId="49" fontId="5" fillId="2" borderId="1" xfId="0" applyNumberFormat="1" applyFont="1" applyFill="1" applyBorder="1" applyAlignment="1">
      <alignment horizontal="center" vertical="center" wrapText="1"/>
    </xf>
    <xf numFmtId="49" fontId="5" fillId="2" borderId="12" xfId="0" applyNumberFormat="1" applyFont="1" applyFill="1" applyBorder="1" applyAlignment="1">
      <alignment horizontal="center" vertical="center" wrapText="1"/>
    </xf>
    <xf numFmtId="49" fontId="5" fillId="2" borderId="3" xfId="0" applyNumberFormat="1" applyFont="1" applyFill="1" applyBorder="1" applyAlignment="1">
      <alignment horizontal="center" vertical="center"/>
    </xf>
    <xf numFmtId="49" fontId="5" fillId="2" borderId="12" xfId="0" applyNumberFormat="1" applyFont="1" applyFill="1" applyBorder="1" applyAlignment="1">
      <alignment horizontal="center" vertical="center"/>
    </xf>
    <xf numFmtId="22" fontId="4" fillId="0" borderId="0" xfId="0" applyNumberFormat="1" applyFont="1" applyFill="1" applyBorder="1" applyAlignment="1">
      <alignment horizontal="right" vertical="center"/>
    </xf>
    <xf numFmtId="165" fontId="5" fillId="0" borderId="0" xfId="5" applyNumberFormat="1" applyFont="1" applyFill="1" applyBorder="1" applyAlignment="1">
      <alignment horizontal="center" vertical="center"/>
    </xf>
    <xf numFmtId="0" fontId="5" fillId="2" borderId="14" xfId="0" applyNumberFormat="1" applyFont="1" applyFill="1" applyBorder="1" applyAlignment="1">
      <alignment horizontal="center" vertical="center" wrapText="1"/>
    </xf>
    <xf numFmtId="0" fontId="5" fillId="2" borderId="2" xfId="0" applyNumberFormat="1" applyFont="1" applyFill="1" applyBorder="1" applyAlignment="1">
      <alignment horizontal="center" vertical="center" wrapText="1"/>
    </xf>
    <xf numFmtId="0" fontId="5" fillId="2" borderId="6" xfId="0" applyNumberFormat="1" applyFont="1" applyFill="1" applyBorder="1" applyAlignment="1">
      <alignment horizontal="center" vertical="center"/>
    </xf>
    <xf numFmtId="0" fontId="5" fillId="2" borderId="3" xfId="0" applyNumberFormat="1" applyFont="1" applyFill="1" applyBorder="1" applyAlignment="1">
      <alignment horizontal="center" vertical="center"/>
    </xf>
    <xf numFmtId="0" fontId="5" fillId="2" borderId="12" xfId="0" applyNumberFormat="1" applyFont="1" applyFill="1" applyBorder="1" applyAlignment="1">
      <alignment horizontal="center" vertical="center"/>
    </xf>
    <xf numFmtId="165" fontId="4" fillId="0" borderId="5" xfId="5" applyNumberFormat="1" applyFont="1" applyFill="1" applyBorder="1" applyAlignment="1">
      <alignment horizontal="center" vertical="center"/>
    </xf>
    <xf numFmtId="165" fontId="5" fillId="0" borderId="5" xfId="5" applyNumberFormat="1" applyFont="1" applyFill="1" applyBorder="1" applyAlignment="1">
      <alignment horizontal="center" vertical="center"/>
    </xf>
    <xf numFmtId="165" fontId="5" fillId="2" borderId="10" xfId="5" applyNumberFormat="1" applyFont="1" applyFill="1" applyBorder="1" applyAlignment="1">
      <alignment horizontal="center" vertical="center"/>
    </xf>
    <xf numFmtId="165" fontId="5" fillId="2" borderId="5" xfId="5" applyNumberFormat="1" applyFont="1" applyFill="1" applyBorder="1" applyAlignment="1">
      <alignment horizontal="center" vertical="center"/>
    </xf>
    <xf numFmtId="165" fontId="5" fillId="0" borderId="4" xfId="5" applyNumberFormat="1" applyFont="1" applyFill="1" applyBorder="1" applyAlignment="1">
      <alignment horizontal="center" vertical="center"/>
    </xf>
    <xf numFmtId="165" fontId="4" fillId="0" borderId="0" xfId="5" applyNumberFormat="1" applyFont="1" applyFill="1" applyBorder="1" applyAlignment="1">
      <alignment horizontal="center" vertical="center"/>
    </xf>
    <xf numFmtId="165" fontId="4" fillId="0" borderId="7" xfId="5" applyNumberFormat="1" applyFont="1" applyFill="1" applyBorder="1" applyAlignment="1">
      <alignment horizontal="center" vertical="center"/>
    </xf>
    <xf numFmtId="165" fontId="5" fillId="0" borderId="7" xfId="5" applyNumberFormat="1" applyFont="1" applyFill="1" applyBorder="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165" fontId="5" fillId="2" borderId="9" xfId="5" applyNumberFormat="1" applyFont="1" applyFill="1" applyBorder="1" applyAlignment="1">
      <alignment horizontal="center" vertical="center"/>
    </xf>
    <xf numFmtId="0" fontId="5" fillId="2" borderId="10" xfId="0" applyNumberFormat="1" applyFont="1" applyFill="1" applyBorder="1" applyAlignment="1">
      <alignment horizontal="center" vertical="center"/>
    </xf>
    <xf numFmtId="0" fontId="5" fillId="2" borderId="9" xfId="0" applyNumberFormat="1" applyFont="1" applyFill="1" applyBorder="1" applyAlignment="1">
      <alignment horizontal="center" vertical="center"/>
    </xf>
    <xf numFmtId="0" fontId="5" fillId="2" borderId="11" xfId="1" applyNumberFormat="1" applyFont="1" applyFill="1" applyBorder="1" applyAlignment="1">
      <alignment horizontal="center" vertical="center" wrapText="1"/>
    </xf>
    <xf numFmtId="0" fontId="5" fillId="2" borderId="4" xfId="1" applyNumberFormat="1" applyFont="1" applyFill="1" applyBorder="1" applyAlignment="1">
      <alignment horizontal="center" vertical="center" wrapText="1"/>
    </xf>
    <xf numFmtId="0" fontId="5" fillId="2" borderId="8" xfId="1" applyNumberFormat="1" applyFont="1" applyFill="1" applyBorder="1" applyAlignment="1">
      <alignment horizontal="center" vertical="center" wrapText="1"/>
    </xf>
    <xf numFmtId="0" fontId="5" fillId="2" borderId="0" xfId="1" applyNumberFormat="1" applyFont="1" applyFill="1" applyBorder="1" applyAlignment="1">
      <alignment horizontal="center" vertical="center" wrapText="1"/>
    </xf>
    <xf numFmtId="0" fontId="5" fillId="2" borderId="1" xfId="1" applyNumberFormat="1" applyFont="1" applyFill="1" applyBorder="1" applyAlignment="1">
      <alignment horizontal="center" vertical="center" wrapText="1"/>
    </xf>
    <xf numFmtId="0" fontId="5" fillId="2" borderId="7" xfId="1" applyNumberFormat="1" applyFont="1" applyFill="1" applyBorder="1" applyAlignment="1">
      <alignment horizontal="center" vertical="center" wrapText="1"/>
    </xf>
    <xf numFmtId="0" fontId="5" fillId="2" borderId="5" xfId="0" applyNumberFormat="1" applyFont="1" applyFill="1" applyBorder="1" applyAlignment="1">
      <alignment horizontal="center" vertical="center"/>
    </xf>
    <xf numFmtId="165" fontId="4" fillId="0" borderId="4" xfId="5" applyNumberFormat="1" applyFont="1" applyFill="1" applyBorder="1" applyAlignment="1">
      <alignment horizontal="center" vertical="center"/>
    </xf>
    <xf numFmtId="0" fontId="5" fillId="2" borderId="14" xfId="0" applyNumberFormat="1" applyFont="1" applyFill="1" applyBorder="1" applyAlignment="1">
      <alignment horizontal="center"/>
    </xf>
    <xf numFmtId="0" fontId="5" fillId="2" borderId="2" xfId="0" applyNumberFormat="1" applyFont="1" applyFill="1" applyBorder="1" applyAlignment="1">
      <alignment horizontal="center"/>
    </xf>
    <xf numFmtId="0" fontId="5" fillId="2" borderId="14" xfId="0" applyNumberFormat="1" applyFont="1" applyFill="1" applyBorder="1" applyAlignment="1">
      <alignment horizontal="center" wrapText="1"/>
    </xf>
    <xf numFmtId="0" fontId="5" fillId="2" borderId="2" xfId="0" applyNumberFormat="1" applyFont="1" applyFill="1" applyBorder="1" applyAlignment="1">
      <alignment horizontal="center" wrapText="1"/>
    </xf>
    <xf numFmtId="49" fontId="5" fillId="0" borderId="0" xfId="0" applyNumberFormat="1" applyFont="1" applyFill="1" applyAlignment="1">
      <alignment horizontal="center" vertical="center"/>
    </xf>
    <xf numFmtId="49" fontId="5" fillId="2" borderId="11" xfId="0" applyNumberFormat="1" applyFont="1" applyFill="1" applyBorder="1" applyAlignment="1">
      <alignment horizontal="center" wrapText="1"/>
    </xf>
    <xf numFmtId="0" fontId="0" fillId="0" borderId="6" xfId="0" applyBorder="1" applyAlignment="1"/>
    <xf numFmtId="0" fontId="0" fillId="0" borderId="8" xfId="0" applyBorder="1" applyAlignment="1"/>
    <xf numFmtId="0" fontId="0" fillId="0" borderId="3" xfId="0" applyBorder="1" applyAlignment="1"/>
    <xf numFmtId="49" fontId="5" fillId="2" borderId="11" xfId="0" applyNumberFormat="1" applyFont="1" applyFill="1" applyBorder="1" applyAlignment="1">
      <alignment horizontal="center"/>
    </xf>
    <xf numFmtId="49" fontId="5" fillId="2" borderId="6" xfId="0" applyNumberFormat="1" applyFont="1" applyFill="1" applyBorder="1" applyAlignment="1">
      <alignment horizont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12" xfId="0" applyFont="1" applyFill="1" applyBorder="1" applyAlignment="1">
      <alignment horizontal="center" vertical="center"/>
    </xf>
    <xf numFmtId="43" fontId="5" fillId="2" borderId="11" xfId="5" applyFont="1" applyFill="1" applyBorder="1" applyAlignment="1">
      <alignment horizontal="center" vertical="center"/>
    </xf>
    <xf numFmtId="43" fontId="5" fillId="2" borderId="4" xfId="5" applyFont="1" applyFill="1" applyBorder="1" applyAlignment="1">
      <alignment horizontal="center" vertical="center"/>
    </xf>
    <xf numFmtId="43" fontId="5" fillId="2" borderId="1" xfId="5" applyFont="1" applyFill="1" applyBorder="1" applyAlignment="1">
      <alignment horizontal="center" vertical="center"/>
    </xf>
    <xf numFmtId="43" fontId="5" fillId="2" borderId="7" xfId="5" applyFont="1" applyFill="1" applyBorder="1" applyAlignment="1">
      <alignment horizontal="center" vertical="center"/>
    </xf>
    <xf numFmtId="0" fontId="4" fillId="0" borderId="4" xfId="0" applyFont="1" applyFill="1" applyBorder="1" applyAlignment="1">
      <alignment horizontal="left" vertical="center" wrapText="1"/>
    </xf>
    <xf numFmtId="0" fontId="5" fillId="2" borderId="14" xfId="0" applyFont="1" applyFill="1" applyBorder="1" applyAlignment="1">
      <alignment horizontal="center" vertical="center" wrapText="1"/>
    </xf>
    <xf numFmtId="0" fontId="5" fillId="2" borderId="13"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10" xfId="0" applyFont="1" applyFill="1" applyBorder="1" applyAlignment="1">
      <alignment horizontal="center" vertical="center" wrapText="1"/>
    </xf>
    <xf numFmtId="0" fontId="5" fillId="2" borderId="9"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5" fillId="2" borderId="11" xfId="0" applyFont="1" applyFill="1" applyBorder="1" applyAlignment="1">
      <alignment horizontal="center"/>
    </xf>
    <xf numFmtId="0" fontId="5" fillId="2" borderId="6" xfId="0" applyFont="1" applyFill="1" applyBorder="1" applyAlignment="1">
      <alignment horizontal="center"/>
    </xf>
    <xf numFmtId="0" fontId="5" fillId="2" borderId="4" xfId="0" applyFont="1" applyFill="1" applyBorder="1" applyAlignment="1">
      <alignment horizontal="center" vertical="center" wrapText="1"/>
    </xf>
    <xf numFmtId="0" fontId="5" fillId="2" borderId="8" xfId="0" applyFont="1" applyFill="1" applyBorder="1" applyAlignment="1">
      <alignment horizontal="center" vertical="center" wrapText="1"/>
    </xf>
    <xf numFmtId="0" fontId="5" fillId="2" borderId="3" xfId="0" applyFont="1" applyFill="1" applyBorder="1" applyAlignment="1">
      <alignment horizontal="center" vertical="center" wrapText="1"/>
    </xf>
    <xf numFmtId="0" fontId="5" fillId="2" borderId="12"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7" xfId="0" applyFont="1" applyFill="1" applyBorder="1" applyAlignment="1">
      <alignment horizontal="center" vertical="center"/>
    </xf>
    <xf numFmtId="0" fontId="5" fillId="2" borderId="2" xfId="0" applyFont="1" applyFill="1" applyBorder="1" applyAlignment="1">
      <alignment horizontal="center" vertical="center"/>
    </xf>
    <xf numFmtId="49" fontId="4" fillId="0" borderId="0" xfId="0" applyNumberFormat="1" applyFont="1" applyFill="1" applyBorder="1" applyAlignment="1">
      <alignment horizontal="right" vertical="center"/>
    </xf>
    <xf numFmtId="0" fontId="5" fillId="2" borderId="0" xfId="0" applyFont="1" applyFill="1" applyBorder="1" applyAlignment="1">
      <alignment horizontal="center" vertical="center"/>
    </xf>
    <xf numFmtId="0" fontId="5" fillId="2" borderId="6" xfId="0" applyFont="1" applyFill="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Border="1" applyAlignment="1">
      <alignment horizontal="left" vertical="center" wrapText="1"/>
    </xf>
    <xf numFmtId="0" fontId="4" fillId="0" borderId="3" xfId="0" applyFont="1" applyBorder="1" applyAlignment="1">
      <alignment horizontal="left" vertical="center" wrapText="1"/>
    </xf>
    <xf numFmtId="0" fontId="4" fillId="0" borderId="7" xfId="0" applyFont="1" applyBorder="1" applyAlignment="1">
      <alignment horizontal="left" vertical="center" wrapText="1"/>
    </xf>
    <xf numFmtId="0" fontId="4" fillId="0" borderId="12" xfId="0" applyFont="1" applyBorder="1" applyAlignment="1">
      <alignment horizontal="left" vertical="center" wrapText="1"/>
    </xf>
    <xf numFmtId="0" fontId="5" fillId="2" borderId="7" xfId="0" applyFont="1" applyFill="1" applyBorder="1" applyAlignment="1">
      <alignment horizontal="center" vertical="center" wrapText="1"/>
    </xf>
    <xf numFmtId="37" fontId="5" fillId="2" borderId="10" xfId="0" applyNumberFormat="1" applyFont="1" applyFill="1" applyBorder="1" applyAlignment="1">
      <alignment horizontal="center" vertical="center"/>
    </xf>
    <xf numFmtId="37" fontId="5" fillId="2" borderId="5" xfId="0" applyNumberFormat="1" applyFont="1" applyFill="1" applyBorder="1" applyAlignment="1">
      <alignment horizontal="center" vertical="center"/>
    </xf>
    <xf numFmtId="0" fontId="4" fillId="0" borderId="4" xfId="0" applyFont="1" applyBorder="1" applyAlignment="1">
      <alignment horizontal="left" vertical="center" wrapText="1"/>
    </xf>
    <xf numFmtId="0" fontId="4" fillId="0" borderId="6" xfId="0" applyFont="1" applyBorder="1" applyAlignment="1">
      <alignment horizontal="left" vertical="center" wrapText="1"/>
    </xf>
    <xf numFmtId="165" fontId="4" fillId="0" borderId="11" xfId="5" applyNumberFormat="1" applyFont="1" applyBorder="1" applyAlignment="1">
      <alignment horizontal="center" vertical="center"/>
    </xf>
    <xf numFmtId="165" fontId="4" fillId="0" borderId="4" xfId="5" applyNumberFormat="1" applyFont="1" applyBorder="1" applyAlignment="1">
      <alignment horizontal="center" vertical="center"/>
    </xf>
    <xf numFmtId="165" fontId="4" fillId="0" borderId="6" xfId="5" applyNumberFormat="1" applyFont="1" applyBorder="1" applyAlignment="1">
      <alignment horizontal="center" vertical="center"/>
    </xf>
    <xf numFmtId="165" fontId="4" fillId="0" borderId="8" xfId="5" applyNumberFormat="1" applyFont="1" applyBorder="1" applyAlignment="1">
      <alignment horizontal="center" vertical="center"/>
    </xf>
    <xf numFmtId="0" fontId="0" fillId="0" borderId="0" xfId="0" applyAlignment="1">
      <alignment horizontal="center" vertical="center"/>
    </xf>
    <xf numFmtId="0" fontId="0" fillId="0" borderId="3" xfId="0" applyBorder="1" applyAlignment="1">
      <alignment horizontal="center" vertical="center"/>
    </xf>
    <xf numFmtId="165" fontId="4" fillId="0" borderId="1" xfId="5" applyNumberFormat="1" applyFont="1" applyBorder="1" applyAlignment="1">
      <alignment horizontal="center" vertical="center"/>
    </xf>
    <xf numFmtId="0" fontId="0" fillId="0" borderId="7" xfId="0" applyBorder="1" applyAlignment="1">
      <alignment horizontal="center" vertical="center"/>
    </xf>
    <xf numFmtId="0" fontId="0" fillId="0" borderId="12" xfId="0" applyBorder="1" applyAlignment="1">
      <alignment horizontal="center" vertical="center"/>
    </xf>
    <xf numFmtId="165" fontId="4" fillId="0" borderId="11" xfId="5" applyNumberFormat="1" applyFont="1" applyBorder="1" applyAlignment="1">
      <alignment horizontal="center" vertical="center" wrapText="1"/>
    </xf>
    <xf numFmtId="165" fontId="4" fillId="0" borderId="4" xfId="5" applyNumberFormat="1" applyFont="1" applyBorder="1" applyAlignment="1">
      <alignment horizontal="center" vertical="center" wrapText="1"/>
    </xf>
    <xf numFmtId="165" fontId="4" fillId="0" borderId="8" xfId="5" applyNumberFormat="1" applyFont="1" applyBorder="1" applyAlignment="1">
      <alignment horizontal="center" vertical="center" wrapText="1"/>
    </xf>
    <xf numFmtId="165" fontId="4" fillId="0" borderId="0" xfId="5" applyNumberFormat="1" applyFont="1" applyBorder="1" applyAlignment="1">
      <alignment horizontal="center" vertical="center" wrapText="1"/>
    </xf>
    <xf numFmtId="165" fontId="4" fillId="0" borderId="1" xfId="5" applyNumberFormat="1" applyFont="1" applyBorder="1" applyAlignment="1">
      <alignment horizontal="center" vertical="center" wrapText="1"/>
    </xf>
    <xf numFmtId="165" fontId="4" fillId="0" borderId="7" xfId="5" applyNumberFormat="1" applyFont="1" applyBorder="1" applyAlignment="1">
      <alignment horizontal="center" vertical="center" wrapText="1"/>
    </xf>
    <xf numFmtId="165" fontId="5" fillId="0" borderId="11" xfId="5" applyNumberFormat="1" applyFont="1" applyBorder="1" applyAlignment="1">
      <alignment horizontal="center" vertical="center" wrapText="1"/>
    </xf>
    <xf numFmtId="165" fontId="5" fillId="0" borderId="6" xfId="5" applyNumberFormat="1" applyFont="1" applyBorder="1" applyAlignment="1">
      <alignment horizontal="center" vertical="center" wrapText="1"/>
    </xf>
    <xf numFmtId="165" fontId="4" fillId="0" borderId="3" xfId="5" applyNumberFormat="1" applyFont="1" applyBorder="1" applyAlignment="1">
      <alignment horizontal="center" vertical="center" wrapText="1"/>
    </xf>
    <xf numFmtId="37" fontId="5" fillId="2" borderId="6" xfId="0" applyNumberFormat="1" applyFont="1" applyFill="1" applyBorder="1" applyAlignment="1">
      <alignment horizontal="center" vertical="center"/>
    </xf>
    <xf numFmtId="37" fontId="5" fillId="2" borderId="3" xfId="0" applyNumberFormat="1" applyFont="1" applyFill="1" applyBorder="1" applyAlignment="1">
      <alignment horizontal="center" vertical="center"/>
    </xf>
    <xf numFmtId="37" fontId="5" fillId="2" borderId="12" xfId="0" applyNumberFormat="1" applyFont="1" applyFill="1" applyBorder="1" applyAlignment="1">
      <alignment horizontal="center" vertical="center"/>
    </xf>
    <xf numFmtId="165" fontId="5" fillId="0" borderId="8" xfId="5" applyNumberFormat="1" applyFont="1" applyBorder="1" applyAlignment="1">
      <alignment horizontal="center" vertical="center" wrapText="1"/>
    </xf>
    <xf numFmtId="165" fontId="5" fillId="0" borderId="3" xfId="5" applyNumberFormat="1" applyFont="1" applyBorder="1" applyAlignment="1">
      <alignment horizontal="center" vertical="center" wrapText="1"/>
    </xf>
    <xf numFmtId="165" fontId="4" fillId="0" borderId="12" xfId="5" applyNumberFormat="1" applyFont="1" applyBorder="1" applyAlignment="1">
      <alignment horizontal="center" vertical="center" wrapText="1"/>
    </xf>
    <xf numFmtId="49" fontId="5" fillId="2" borderId="5" xfId="0" applyNumberFormat="1" applyFont="1" applyFill="1" applyBorder="1" applyAlignment="1">
      <alignment horizontal="left" vertical="center"/>
    </xf>
    <xf numFmtId="49" fontId="5" fillId="2" borderId="9" xfId="0" applyNumberFormat="1" applyFont="1" applyFill="1" applyBorder="1" applyAlignment="1">
      <alignment horizontal="left" vertical="center"/>
    </xf>
    <xf numFmtId="165" fontId="5" fillId="0" borderId="0" xfId="5" applyNumberFormat="1" applyFont="1" applyBorder="1" applyAlignment="1">
      <alignment horizontal="center" vertical="center" wrapText="1"/>
    </xf>
    <xf numFmtId="165" fontId="5" fillId="0" borderId="4" xfId="5" applyNumberFormat="1" applyFont="1" applyBorder="1" applyAlignment="1">
      <alignment horizontal="center" vertical="center" wrapText="1"/>
    </xf>
    <xf numFmtId="165" fontId="4" fillId="0" borderId="6" xfId="5" applyNumberFormat="1" applyFont="1" applyBorder="1" applyAlignment="1">
      <alignment horizontal="center" vertical="center" wrapText="1"/>
    </xf>
    <xf numFmtId="165" fontId="5" fillId="2" borderId="10" xfId="0" applyNumberFormat="1" applyFont="1" applyFill="1" applyBorder="1" applyAlignment="1">
      <alignment horizontal="center" vertical="center"/>
    </xf>
    <xf numFmtId="165" fontId="5" fillId="2" borderId="5" xfId="0" applyNumberFormat="1" applyFont="1" applyFill="1" applyBorder="1" applyAlignment="1">
      <alignment horizontal="center" vertical="center"/>
    </xf>
    <xf numFmtId="165" fontId="5" fillId="2" borderId="9" xfId="0" applyNumberFormat="1" applyFont="1" applyFill="1" applyBorder="1" applyAlignment="1">
      <alignment horizontal="center" vertical="center"/>
    </xf>
    <xf numFmtId="0" fontId="5" fillId="2" borderId="4" xfId="0" applyNumberFormat="1" applyFont="1" applyFill="1" applyBorder="1" applyAlignment="1">
      <alignment horizontal="center" vertical="center"/>
    </xf>
    <xf numFmtId="49" fontId="5" fillId="2" borderId="7" xfId="0" applyNumberFormat="1" applyFont="1" applyFill="1" applyBorder="1" applyAlignment="1">
      <alignment horizontal="center" vertical="center" wrapText="1"/>
    </xf>
    <xf numFmtId="165" fontId="5" fillId="2" borderId="10" xfId="0" applyNumberFormat="1" applyFont="1" applyFill="1" applyBorder="1" applyAlignment="1">
      <alignment horizontal="center" vertical="center" wrapText="1"/>
    </xf>
    <xf numFmtId="165" fontId="5" fillId="2" borderId="5" xfId="0" applyNumberFormat="1" applyFont="1" applyFill="1" applyBorder="1" applyAlignment="1">
      <alignment horizontal="center" vertical="center" wrapText="1"/>
    </xf>
    <xf numFmtId="0" fontId="5" fillId="2" borderId="5" xfId="0" applyFont="1" applyFill="1" applyBorder="1" applyAlignment="1">
      <alignment horizontal="left" vertical="center" wrapText="1"/>
    </xf>
    <xf numFmtId="0" fontId="5" fillId="2" borderId="9" xfId="0" applyFont="1" applyFill="1" applyBorder="1" applyAlignment="1">
      <alignment horizontal="left" vertical="center" wrapText="1"/>
    </xf>
    <xf numFmtId="49" fontId="5" fillId="2" borderId="4" xfId="0" applyNumberFormat="1" applyFont="1" applyFill="1" applyBorder="1" applyAlignment="1">
      <alignment horizontal="center" vertical="center"/>
    </xf>
    <xf numFmtId="165" fontId="4" fillId="0" borderId="8" xfId="5" quotePrefix="1" applyNumberFormat="1" applyFont="1" applyFill="1" applyBorder="1" applyAlignment="1">
      <alignment horizontal="center" vertical="center"/>
    </xf>
    <xf numFmtId="165" fontId="4" fillId="0" borderId="3" xfId="5" quotePrefix="1" applyNumberFormat="1" applyFont="1" applyFill="1" applyBorder="1" applyAlignment="1">
      <alignment horizontal="center" vertical="center"/>
    </xf>
    <xf numFmtId="0" fontId="5" fillId="2" borderId="13" xfId="0" applyNumberFormat="1" applyFont="1" applyFill="1" applyBorder="1" applyAlignment="1">
      <alignment horizontal="center" vertical="center"/>
    </xf>
    <xf numFmtId="165" fontId="5" fillId="0" borderId="10" xfId="0" applyNumberFormat="1" applyFont="1" applyFill="1" applyBorder="1" applyAlignment="1">
      <alignment horizontal="center" vertical="center"/>
    </xf>
    <xf numFmtId="165" fontId="5" fillId="0" borderId="5" xfId="0" applyNumberFormat="1" applyFont="1" applyFill="1" applyBorder="1" applyAlignment="1">
      <alignment horizontal="center" vertical="center"/>
    </xf>
    <xf numFmtId="3" fontId="5" fillId="2" borderId="4" xfId="0" applyNumberFormat="1" applyFont="1" applyFill="1" applyBorder="1" applyAlignment="1">
      <alignment horizontal="center" vertical="center"/>
    </xf>
    <xf numFmtId="3" fontId="5" fillId="2" borderId="6" xfId="0" applyNumberFormat="1" applyFont="1" applyFill="1" applyBorder="1" applyAlignment="1">
      <alignment horizontal="center" vertical="center"/>
    </xf>
    <xf numFmtId="3" fontId="5" fillId="2" borderId="7" xfId="0" applyNumberFormat="1" applyFont="1" applyFill="1" applyBorder="1" applyAlignment="1">
      <alignment horizontal="center" vertical="center"/>
    </xf>
    <xf numFmtId="3" fontId="5" fillId="2" borderId="12" xfId="0" applyNumberFormat="1" applyFont="1" applyFill="1" applyBorder="1" applyAlignment="1">
      <alignment horizontal="center" vertical="center"/>
    </xf>
    <xf numFmtId="0" fontId="5" fillId="0" borderId="5" xfId="0" applyNumberFormat="1" applyFont="1" applyFill="1" applyBorder="1" applyAlignment="1">
      <alignment horizontal="left" vertical="center"/>
    </xf>
    <xf numFmtId="0" fontId="5" fillId="0" borderId="9" xfId="0" applyNumberFormat="1" applyFont="1" applyFill="1" applyBorder="1" applyAlignment="1">
      <alignment horizontal="left" vertical="center"/>
    </xf>
    <xf numFmtId="0" fontId="5" fillId="2" borderId="9" xfId="0" applyFont="1" applyFill="1" applyBorder="1" applyAlignment="1">
      <alignment vertical="center"/>
    </xf>
    <xf numFmtId="0" fontId="5" fillId="2" borderId="11" xfId="1" applyFont="1" applyFill="1" applyBorder="1" applyAlignment="1">
      <alignment horizontal="center" vertical="center"/>
    </xf>
    <xf numFmtId="0" fontId="5" fillId="2" borderId="8" xfId="1" applyFont="1" applyFill="1" applyBorder="1" applyAlignment="1">
      <alignment horizontal="center" vertical="center"/>
    </xf>
    <xf numFmtId="0" fontId="5" fillId="2" borderId="1" xfId="1" applyFont="1" applyFill="1" applyBorder="1" applyAlignment="1">
      <alignment horizontal="center" vertical="center"/>
    </xf>
    <xf numFmtId="0" fontId="5" fillId="2" borderId="14" xfId="1" applyFont="1" applyFill="1" applyBorder="1" applyAlignment="1">
      <alignment horizontal="center" vertical="center" wrapText="1"/>
    </xf>
    <xf numFmtId="0" fontId="5" fillId="2" borderId="2" xfId="1" applyFont="1" applyFill="1" applyBorder="1" applyAlignment="1">
      <alignment horizontal="center" vertical="center" wrapText="1"/>
    </xf>
    <xf numFmtId="0" fontId="5" fillId="2" borderId="13" xfId="1" applyFont="1" applyFill="1" applyBorder="1" applyAlignment="1">
      <alignment horizontal="center" vertical="center" wrapText="1"/>
    </xf>
    <xf numFmtId="0" fontId="5" fillId="2" borderId="3" xfId="1" applyFont="1" applyFill="1" applyBorder="1" applyAlignment="1">
      <alignment horizontal="center" vertical="center"/>
    </xf>
    <xf numFmtId="0" fontId="5" fillId="2" borderId="12"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13" xfId="1" applyFont="1" applyFill="1" applyBorder="1" applyAlignment="1">
      <alignment horizontal="center" vertical="center"/>
    </xf>
    <xf numFmtId="165" fontId="5" fillId="2" borderId="10" xfId="1" applyNumberFormat="1" applyFont="1" applyFill="1" applyBorder="1" applyAlignment="1">
      <alignment horizontal="center" vertical="center"/>
    </xf>
    <xf numFmtId="165" fontId="5" fillId="2" borderId="9" xfId="1" applyNumberFormat="1" applyFont="1" applyFill="1" applyBorder="1" applyAlignment="1">
      <alignment horizontal="center" vertical="center"/>
    </xf>
    <xf numFmtId="165" fontId="4" fillId="0" borderId="8" xfId="1" applyNumberFormat="1" applyFont="1" applyFill="1" applyBorder="1" applyAlignment="1">
      <alignment horizontal="center" vertical="center"/>
    </xf>
    <xf numFmtId="165" fontId="4" fillId="0" borderId="3" xfId="1" applyNumberFormat="1" applyFont="1" applyFill="1" applyBorder="1" applyAlignment="1">
      <alignment horizontal="center" vertical="center"/>
    </xf>
    <xf numFmtId="165" fontId="5" fillId="0" borderId="8" xfId="1" applyNumberFormat="1" applyFont="1" applyFill="1" applyBorder="1" applyAlignment="1">
      <alignment horizontal="center" vertical="center"/>
    </xf>
    <xf numFmtId="165" fontId="5" fillId="0" borderId="3" xfId="1" applyNumberFormat="1" applyFont="1" applyFill="1" applyBorder="1" applyAlignment="1">
      <alignment horizontal="center" vertical="center"/>
    </xf>
    <xf numFmtId="165" fontId="5" fillId="0" borderId="11" xfId="1" applyNumberFormat="1" applyFont="1" applyFill="1" applyBorder="1" applyAlignment="1">
      <alignment horizontal="center" vertical="center"/>
    </xf>
    <xf numFmtId="165" fontId="5" fillId="0" borderId="6" xfId="1" applyNumberFormat="1" applyFont="1" applyFill="1" applyBorder="1" applyAlignment="1">
      <alignment horizontal="center" vertical="center"/>
    </xf>
    <xf numFmtId="165" fontId="5" fillId="0" borderId="1" xfId="1" applyNumberFormat="1" applyFont="1" applyFill="1" applyBorder="1" applyAlignment="1">
      <alignment horizontal="center" vertical="center"/>
    </xf>
    <xf numFmtId="165" fontId="5" fillId="0" borderId="12" xfId="1" applyNumberFormat="1" applyFont="1" applyFill="1" applyBorder="1" applyAlignment="1">
      <alignment horizontal="center" vertical="center"/>
    </xf>
    <xf numFmtId="165" fontId="5" fillId="0" borderId="10" xfId="1" applyNumberFormat="1" applyFont="1" applyFill="1" applyBorder="1" applyAlignment="1">
      <alignment horizontal="center" vertical="center"/>
    </xf>
    <xf numFmtId="165" fontId="5" fillId="0" borderId="9" xfId="1" applyNumberFormat="1" applyFont="1" applyFill="1" applyBorder="1" applyAlignment="1">
      <alignment horizontal="center" vertical="center"/>
    </xf>
    <xf numFmtId="0" fontId="5" fillId="2" borderId="6" xfId="1" applyFont="1" applyFill="1" applyBorder="1" applyAlignment="1">
      <alignment horizontal="center" vertical="center"/>
    </xf>
    <xf numFmtId="0" fontId="5" fillId="2" borderId="10" xfId="1" applyFont="1" applyFill="1" applyBorder="1" applyAlignment="1">
      <alignment horizontal="center" vertical="center"/>
    </xf>
    <xf numFmtId="0" fontId="5" fillId="2" borderId="5" xfId="1" applyFont="1" applyFill="1" applyBorder="1" applyAlignment="1">
      <alignment horizontal="center" vertical="center"/>
    </xf>
    <xf numFmtId="165" fontId="5" fillId="0" borderId="11" xfId="5" applyNumberFormat="1" applyFont="1" applyBorder="1" applyAlignment="1">
      <alignment horizontal="center" vertical="center"/>
    </xf>
    <xf numFmtId="165" fontId="5" fillId="0" borderId="6" xfId="5" applyNumberFormat="1" applyFont="1" applyBorder="1" applyAlignment="1">
      <alignment horizontal="center" vertical="center"/>
    </xf>
    <xf numFmtId="165" fontId="4" fillId="0" borderId="3" xfId="5" applyNumberFormat="1" applyFont="1" applyBorder="1" applyAlignment="1">
      <alignment horizontal="center" vertical="center"/>
    </xf>
    <xf numFmtId="165" fontId="5" fillId="0" borderId="8" xfId="5" applyNumberFormat="1" applyFont="1" applyBorder="1" applyAlignment="1">
      <alignment horizontal="center" vertical="center"/>
    </xf>
    <xf numFmtId="165" fontId="5" fillId="0" borderId="3" xfId="5" applyNumberFormat="1" applyFont="1" applyBorder="1" applyAlignment="1">
      <alignment horizontal="center" vertical="center"/>
    </xf>
    <xf numFmtId="0" fontId="4" fillId="0" borderId="7" xfId="1" applyFont="1" applyFill="1" applyBorder="1" applyAlignment="1">
      <alignment horizontal="left" vertical="center" wrapText="1"/>
    </xf>
    <xf numFmtId="0" fontId="4" fillId="0" borderId="12" xfId="1" applyFont="1" applyFill="1" applyBorder="1" applyAlignment="1">
      <alignment horizontal="left" vertical="center" wrapText="1"/>
    </xf>
    <xf numFmtId="0" fontId="4" fillId="0" borderId="0" xfId="1" applyFont="1" applyBorder="1" applyAlignment="1">
      <alignment horizontal="left" vertical="center"/>
    </xf>
    <xf numFmtId="0" fontId="4" fillId="0" borderId="3" xfId="1" applyFont="1" applyBorder="1" applyAlignment="1">
      <alignment horizontal="left"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0" fontId="5" fillId="0" borderId="0" xfId="1" applyFont="1" applyBorder="1" applyAlignment="1">
      <alignment horizontal="left" vertical="center" wrapText="1"/>
    </xf>
    <xf numFmtId="0" fontId="5" fillId="0" borderId="3" xfId="1" applyFont="1" applyBorder="1" applyAlignment="1">
      <alignment horizontal="left" vertical="center" wrapText="1"/>
    </xf>
    <xf numFmtId="165" fontId="4" fillId="0" borderId="1" xfId="1" applyNumberFormat="1" applyFont="1" applyFill="1" applyBorder="1" applyAlignment="1">
      <alignment horizontal="center" vertical="center"/>
    </xf>
    <xf numFmtId="165" fontId="4" fillId="0" borderId="12" xfId="1" applyNumberFormat="1" applyFont="1" applyFill="1" applyBorder="1" applyAlignment="1">
      <alignment horizontal="center" vertical="center"/>
    </xf>
    <xf numFmtId="0" fontId="5" fillId="2" borderId="11" xfId="1" applyFont="1" applyFill="1" applyBorder="1" applyAlignment="1">
      <alignment horizontal="center"/>
    </xf>
    <xf numFmtId="0" fontId="5" fillId="2" borderId="6" xfId="1" applyFont="1" applyFill="1" applyBorder="1" applyAlignment="1">
      <alignment horizontal="center"/>
    </xf>
    <xf numFmtId="165" fontId="4" fillId="0" borderId="0" xfId="1" applyNumberFormat="1" applyFont="1" applyFill="1" applyBorder="1" applyAlignment="1">
      <alignment horizontal="center" vertical="center"/>
    </xf>
    <xf numFmtId="0" fontId="5" fillId="0" borderId="0" xfId="1" applyNumberFormat="1" applyFont="1" applyFill="1" applyAlignment="1">
      <alignment horizontal="center" vertical="center"/>
    </xf>
    <xf numFmtId="0" fontId="5" fillId="2" borderId="1" xfId="1" applyFont="1" applyFill="1" applyBorder="1" applyAlignment="1">
      <alignment horizontal="center" vertical="top"/>
    </xf>
    <xf numFmtId="0" fontId="5" fillId="2" borderId="12" xfId="1" applyFont="1" applyFill="1" applyBorder="1" applyAlignment="1">
      <alignment horizontal="center" vertical="top"/>
    </xf>
    <xf numFmtId="0" fontId="5" fillId="2" borderId="6" xfId="1" applyFont="1" applyFill="1" applyBorder="1" applyAlignment="1">
      <alignment horizontal="center" vertical="center" wrapText="1"/>
    </xf>
    <xf numFmtId="0" fontId="5" fillId="2" borderId="3" xfId="1" applyFont="1" applyFill="1" applyBorder="1" applyAlignment="1">
      <alignment horizontal="center" vertical="center" wrapText="1"/>
    </xf>
    <xf numFmtId="0" fontId="0" fillId="0" borderId="5" xfId="0" applyBorder="1" applyAlignment="1">
      <alignment horizontal="center" vertical="center"/>
    </xf>
    <xf numFmtId="0" fontId="0" fillId="0" borderId="4" xfId="0" applyBorder="1" applyAlignment="1">
      <alignment horizontal="center" vertical="center"/>
    </xf>
    <xf numFmtId="0" fontId="5" fillId="2" borderId="12" xfId="1" applyFont="1" applyFill="1" applyBorder="1" applyAlignment="1">
      <alignment horizontal="center" vertical="center" wrapText="1"/>
    </xf>
    <xf numFmtId="0" fontId="4" fillId="0" borderId="7" xfId="1" applyFont="1" applyFill="1" applyBorder="1" applyAlignment="1">
      <alignment horizontal="left" vertical="center"/>
    </xf>
    <xf numFmtId="0" fontId="5" fillId="2" borderId="5" xfId="1" applyFont="1" applyFill="1" applyBorder="1" applyAlignment="1">
      <alignment horizontal="left" vertical="center" wrapText="1"/>
    </xf>
    <xf numFmtId="165" fontId="5" fillId="0" borderId="4" xfId="1" applyNumberFormat="1" applyFont="1" applyFill="1" applyBorder="1" applyAlignment="1">
      <alignment horizontal="center" vertical="center"/>
    </xf>
    <xf numFmtId="0" fontId="5" fillId="0" borderId="4" xfId="1" applyFont="1" applyBorder="1" applyAlignment="1">
      <alignment horizontal="left" vertical="center"/>
    </xf>
    <xf numFmtId="0" fontId="5" fillId="0" borderId="6" xfId="1" applyFont="1" applyBorder="1" applyAlignment="1">
      <alignment horizontal="left" vertical="center"/>
    </xf>
    <xf numFmtId="0" fontId="5" fillId="2" borderId="5" xfId="1" applyFont="1" applyFill="1" applyBorder="1" applyAlignment="1">
      <alignment horizontal="left" vertical="center"/>
    </xf>
    <xf numFmtId="0" fontId="5" fillId="2" borderId="9" xfId="1" applyFont="1" applyFill="1" applyBorder="1" applyAlignment="1">
      <alignment horizontal="left" vertical="center"/>
    </xf>
    <xf numFmtId="165" fontId="5" fillId="2" borderId="5" xfId="1" applyNumberFormat="1" applyFont="1" applyFill="1" applyBorder="1" applyAlignment="1">
      <alignment horizontal="center" vertical="center"/>
    </xf>
    <xf numFmtId="165" fontId="4" fillId="0" borderId="7" xfId="1" applyNumberFormat="1" applyFont="1" applyFill="1" applyBorder="1" applyAlignment="1">
      <alignment horizontal="center" vertical="center"/>
    </xf>
    <xf numFmtId="0" fontId="5" fillId="0" borderId="0" xfId="1" applyFont="1" applyBorder="1" applyAlignment="1">
      <alignment horizontal="left" vertical="center"/>
    </xf>
    <xf numFmtId="0" fontId="5" fillId="0" borderId="3" xfId="1" applyFont="1" applyBorder="1" applyAlignment="1">
      <alignment horizontal="left" vertical="center"/>
    </xf>
    <xf numFmtId="165" fontId="5" fillId="0" borderId="7" xfId="1" applyNumberFormat="1" applyFont="1" applyFill="1" applyBorder="1" applyAlignment="1">
      <alignment horizontal="center" vertical="center"/>
    </xf>
    <xf numFmtId="0" fontId="5" fillId="0" borderId="7" xfId="1" applyFont="1" applyBorder="1" applyAlignment="1">
      <alignment horizontal="left" vertical="center"/>
    </xf>
    <xf numFmtId="0" fontId="5" fillId="0" borderId="12" xfId="1" applyFont="1" applyBorder="1" applyAlignment="1">
      <alignment horizontal="left" vertical="center"/>
    </xf>
    <xf numFmtId="43" fontId="5" fillId="0" borderId="8" xfId="5" applyFont="1" applyFill="1" applyBorder="1" applyAlignment="1">
      <alignment horizontal="center" vertical="center"/>
    </xf>
    <xf numFmtId="43" fontId="5" fillId="0" borderId="0" xfId="5" applyFont="1" applyFill="1" applyBorder="1" applyAlignment="1">
      <alignment horizontal="center" vertical="center"/>
    </xf>
    <xf numFmtId="43" fontId="4" fillId="0" borderId="8" xfId="5" applyFont="1" applyFill="1" applyBorder="1" applyAlignment="1">
      <alignment horizontal="center" vertical="center"/>
    </xf>
    <xf numFmtId="43" fontId="4" fillId="0" borderId="0" xfId="5" applyFont="1" applyFill="1" applyBorder="1" applyAlignment="1">
      <alignment horizontal="center" vertical="center"/>
    </xf>
    <xf numFmtId="0" fontId="0" fillId="0" borderId="0" xfId="0" applyBorder="1" applyAlignment="1">
      <alignment horizontal="center" vertical="center"/>
    </xf>
    <xf numFmtId="43" fontId="5" fillId="0" borderId="11" xfId="5" applyFont="1" applyFill="1" applyBorder="1" applyAlignment="1">
      <alignment horizontal="center" vertical="center"/>
    </xf>
    <xf numFmtId="43" fontId="5" fillId="0" borderId="4" xfId="5" applyFont="1" applyFill="1" applyBorder="1" applyAlignment="1">
      <alignment horizontal="center" vertical="center"/>
    </xf>
    <xf numFmtId="0" fontId="5" fillId="2" borderId="11" xfId="1" applyFont="1" applyFill="1" applyBorder="1" applyAlignment="1">
      <alignment horizontal="center" vertical="center" wrapText="1"/>
    </xf>
    <xf numFmtId="0" fontId="5" fillId="2" borderId="4" xfId="1" applyFont="1" applyFill="1" applyBorder="1" applyAlignment="1">
      <alignment horizontal="center" vertical="center" wrapText="1"/>
    </xf>
    <xf numFmtId="0" fontId="5" fillId="2" borderId="8" xfId="1" applyFont="1" applyFill="1" applyBorder="1" applyAlignment="1">
      <alignment horizontal="center" vertical="center" wrapText="1"/>
    </xf>
    <xf numFmtId="0" fontId="5" fillId="2" borderId="0" xfId="1" applyFont="1" applyFill="1" applyBorder="1" applyAlignment="1">
      <alignment horizontal="center" vertical="center" wrapText="1"/>
    </xf>
    <xf numFmtId="0" fontId="5" fillId="2" borderId="1" xfId="1" applyFont="1" applyFill="1" applyBorder="1" applyAlignment="1">
      <alignment horizontal="center" vertical="center" wrapText="1"/>
    </xf>
    <xf numFmtId="0" fontId="5" fillId="2" borderId="7" xfId="1" applyFont="1" applyFill="1" applyBorder="1" applyAlignment="1">
      <alignment horizontal="center" vertical="center" wrapText="1"/>
    </xf>
    <xf numFmtId="43" fontId="4" fillId="0" borderId="1" xfId="5" applyFont="1" applyFill="1" applyBorder="1" applyAlignment="1">
      <alignment horizontal="center" vertical="center"/>
    </xf>
    <xf numFmtId="43" fontId="4" fillId="0" borderId="7" xfId="5" applyFont="1" applyFill="1" applyBorder="1" applyAlignment="1">
      <alignment horizontal="center" vertical="center"/>
    </xf>
    <xf numFmtId="43" fontId="4" fillId="0" borderId="3" xfId="5" applyFont="1" applyFill="1" applyBorder="1" applyAlignment="1">
      <alignment horizontal="center" vertical="center"/>
    </xf>
    <xf numFmtId="43" fontId="4" fillId="0" borderId="12" xfId="5" applyFont="1" applyFill="1" applyBorder="1" applyAlignment="1">
      <alignment horizontal="center" vertical="center"/>
    </xf>
    <xf numFmtId="0" fontId="5" fillId="2" borderId="9" xfId="1" applyFont="1" applyFill="1" applyBorder="1" applyAlignment="1">
      <alignment horizontal="center" vertical="center"/>
    </xf>
    <xf numFmtId="0" fontId="4" fillId="0" borderId="0" xfId="0" applyFont="1" applyFill="1" applyBorder="1" applyAlignment="1">
      <alignment horizontal="left" vertical="center" wrapText="1"/>
    </xf>
    <xf numFmtId="0" fontId="5" fillId="2" borderId="7" xfId="1" applyFont="1" applyFill="1" applyBorder="1" applyAlignment="1">
      <alignment horizontal="center" vertical="center"/>
    </xf>
    <xf numFmtId="0" fontId="5" fillId="2" borderId="4" xfId="1" applyFont="1" applyFill="1" applyBorder="1" applyAlignment="1">
      <alignment horizontal="center" vertical="center"/>
    </xf>
    <xf numFmtId="0" fontId="5" fillId="2" borderId="0" xfId="1" applyFont="1" applyFill="1" applyBorder="1" applyAlignment="1">
      <alignment horizontal="center" vertical="center"/>
    </xf>
    <xf numFmtId="0" fontId="12" fillId="0" borderId="0" xfId="1" applyFont="1" applyFill="1" applyAlignment="1">
      <alignment horizontal="left" vertical="center" wrapText="1"/>
    </xf>
    <xf numFmtId="0" fontId="12" fillId="0" borderId="0" xfId="1" applyFont="1" applyFill="1" applyBorder="1" applyAlignment="1">
      <alignment horizontal="left" vertical="center" wrapText="1"/>
    </xf>
    <xf numFmtId="0" fontId="4" fillId="0" borderId="0" xfId="0" applyFont="1" applyAlignment="1">
      <alignment vertical="center"/>
    </xf>
    <xf numFmtId="0" fontId="4" fillId="0" borderId="0" xfId="1" applyFont="1" applyAlignment="1">
      <alignment vertical="center" wrapText="1"/>
    </xf>
    <xf numFmtId="0" fontId="5" fillId="0" borderId="4" xfId="1" applyFont="1" applyBorder="1" applyAlignment="1">
      <alignment horizontal="left" vertical="center" wrapText="1"/>
    </xf>
    <xf numFmtId="0" fontId="5" fillId="2" borderId="4" xfId="1" applyNumberFormat="1" applyFont="1" applyFill="1" applyBorder="1" applyAlignment="1">
      <alignment horizontal="center" vertical="center"/>
    </xf>
    <xf numFmtId="0" fontId="5" fillId="2" borderId="7" xfId="1" applyNumberFormat="1" applyFont="1" applyFill="1" applyBorder="1" applyAlignment="1">
      <alignment horizontal="center" vertical="center"/>
    </xf>
    <xf numFmtId="0" fontId="4" fillId="0" borderId="0" xfId="1" applyFont="1" applyFill="1" applyAlignment="1">
      <alignment horizontal="left" vertical="center"/>
    </xf>
    <xf numFmtId="0" fontId="5" fillId="0" borderId="4" xfId="1" applyFont="1" applyFill="1" applyBorder="1" applyAlignment="1">
      <alignment horizontal="left" vertical="center"/>
    </xf>
    <xf numFmtId="0" fontId="5" fillId="0" borderId="6" xfId="1" applyFont="1" applyFill="1" applyBorder="1" applyAlignment="1">
      <alignment horizontal="left" vertical="center"/>
    </xf>
    <xf numFmtId="43" fontId="5" fillId="0" borderId="6" xfId="5" applyFont="1" applyFill="1" applyBorder="1" applyAlignment="1">
      <alignment horizontal="center" vertical="center"/>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wrapText="1"/>
    </xf>
    <xf numFmtId="0" fontId="5" fillId="2" borderId="8" xfId="2" applyFont="1" applyFill="1" applyBorder="1" applyAlignment="1">
      <alignment horizontal="center" vertical="center"/>
    </xf>
    <xf numFmtId="0" fontId="5" fillId="2" borderId="1" xfId="2" applyFont="1" applyFill="1" applyBorder="1" applyAlignment="1">
      <alignment horizontal="center" vertical="center"/>
    </xf>
    <xf numFmtId="0" fontId="4" fillId="0" borderId="7" xfId="1" applyFont="1" applyBorder="1" applyAlignment="1">
      <alignment horizontal="left" vertical="center" wrapText="1"/>
    </xf>
    <xf numFmtId="0" fontId="4" fillId="0" borderId="12" xfId="1" applyFont="1" applyBorder="1" applyAlignment="1">
      <alignment horizontal="left" vertical="center" wrapText="1"/>
    </xf>
    <xf numFmtId="4" fontId="5" fillId="3" borderId="1" xfId="1" applyNumberFormat="1" applyFont="1" applyFill="1" applyBorder="1" applyAlignment="1">
      <alignment horizontal="right" vertical="center" wrapText="1"/>
    </xf>
    <xf numFmtId="4" fontId="5" fillId="3" borderId="12" xfId="1" applyNumberFormat="1" applyFont="1" applyFill="1" applyBorder="1" applyAlignment="1">
      <alignment horizontal="right" vertical="center" wrapText="1"/>
    </xf>
    <xf numFmtId="43" fontId="4" fillId="0" borderId="11" xfId="1" applyNumberFormat="1" applyFont="1" applyBorder="1" applyAlignment="1">
      <alignment horizontal="center" vertical="center"/>
    </xf>
    <xf numFmtId="0" fontId="4" fillId="0" borderId="4" xfId="1" applyFont="1" applyBorder="1" applyAlignment="1">
      <alignment horizontal="center" vertical="center"/>
    </xf>
    <xf numFmtId="43" fontId="4" fillId="0" borderId="8" xfId="1" applyNumberFormat="1" applyFont="1" applyBorder="1" applyAlignment="1">
      <alignment horizontal="center" vertical="center"/>
    </xf>
    <xf numFmtId="0" fontId="4" fillId="0" borderId="0" xfId="1" applyFont="1" applyBorder="1" applyAlignment="1">
      <alignment horizontal="center" vertical="center"/>
    </xf>
    <xf numFmtId="43" fontId="4" fillId="0" borderId="1" xfId="1" applyNumberFormat="1" applyFont="1" applyBorder="1" applyAlignment="1">
      <alignment horizontal="center" vertical="center"/>
    </xf>
    <xf numFmtId="0" fontId="4" fillId="0" borderId="7" xfId="1" applyFont="1" applyBorder="1" applyAlignment="1">
      <alignment horizontal="center" vertical="center"/>
    </xf>
    <xf numFmtId="0" fontId="5" fillId="2" borderId="1" xfId="1" applyFont="1" applyFill="1" applyBorder="1" applyAlignment="1">
      <alignment horizontal="center" vertical="top" wrapText="1"/>
    </xf>
    <xf numFmtId="0" fontId="5" fillId="2" borderId="7" xfId="1" applyFont="1" applyFill="1" applyBorder="1" applyAlignment="1">
      <alignment horizontal="center" vertical="top" wrapText="1"/>
    </xf>
    <xf numFmtId="4" fontId="5" fillId="2" borderId="10" xfId="1" applyNumberFormat="1" applyFont="1" applyFill="1" applyBorder="1" applyAlignment="1">
      <alignment horizontal="center" vertical="center"/>
    </xf>
    <xf numFmtId="4" fontId="5" fillId="2" borderId="9" xfId="1" applyNumberFormat="1" applyFont="1" applyFill="1" applyBorder="1" applyAlignment="1">
      <alignment horizontal="center" vertical="center"/>
    </xf>
    <xf numFmtId="165" fontId="4" fillId="0" borderId="11" xfId="1" applyNumberFormat="1" applyFont="1" applyFill="1" applyBorder="1" applyAlignment="1">
      <alignment horizontal="center" vertical="center"/>
    </xf>
    <xf numFmtId="165" fontId="4" fillId="0" borderId="4" xfId="1" applyNumberFormat="1" applyFont="1" applyFill="1" applyBorder="1" applyAlignment="1">
      <alignment horizontal="center" vertical="center"/>
    </xf>
    <xf numFmtId="165" fontId="5" fillId="0" borderId="0" xfId="1" applyNumberFormat="1" applyFont="1" applyFill="1" applyBorder="1" applyAlignment="1">
      <alignment horizontal="center" vertical="center"/>
    </xf>
    <xf numFmtId="0" fontId="5" fillId="2" borderId="4" xfId="1" applyFont="1" applyFill="1" applyBorder="1" applyAlignment="1">
      <alignment horizontal="center"/>
    </xf>
    <xf numFmtId="0" fontId="5" fillId="2" borderId="7" xfId="1" applyFont="1" applyFill="1" applyBorder="1" applyAlignment="1">
      <alignment horizontal="center" vertical="top"/>
    </xf>
    <xf numFmtId="0" fontId="5" fillId="2" borderId="9" xfId="1" applyFont="1" applyFill="1" applyBorder="1" applyAlignment="1">
      <alignment horizontal="left" vertical="center" wrapText="1"/>
    </xf>
    <xf numFmtId="43" fontId="4" fillId="0" borderId="5" xfId="1" applyNumberFormat="1" applyFont="1" applyFill="1" applyBorder="1" applyAlignment="1">
      <alignment vertical="center"/>
    </xf>
    <xf numFmtId="0" fontId="5" fillId="2" borderId="5" xfId="1" applyFont="1" applyFill="1" applyBorder="1" applyAlignment="1">
      <alignment vertical="center"/>
    </xf>
    <xf numFmtId="43" fontId="5" fillId="2" borderId="10" xfId="1" applyNumberFormat="1" applyFont="1" applyFill="1" applyBorder="1" applyAlignment="1">
      <alignment horizontal="center" vertical="center"/>
    </xf>
    <xf numFmtId="4" fontId="4" fillId="3" borderId="11" xfId="1" applyNumberFormat="1" applyFont="1" applyFill="1" applyBorder="1" applyAlignment="1">
      <alignment horizontal="right" vertical="center" wrapText="1"/>
    </xf>
    <xf numFmtId="4" fontId="4" fillId="3" borderId="6" xfId="1" applyNumberFormat="1" applyFont="1" applyFill="1" applyBorder="1" applyAlignment="1">
      <alignment horizontal="right" vertical="center" wrapText="1"/>
    </xf>
    <xf numFmtId="4" fontId="4" fillId="3" borderId="8" xfId="1" applyNumberFormat="1" applyFont="1" applyFill="1" applyBorder="1" applyAlignment="1">
      <alignment horizontal="right" vertical="center" wrapText="1"/>
    </xf>
    <xf numFmtId="4" fontId="4" fillId="3" borderId="3" xfId="1" applyNumberFormat="1" applyFont="1" applyFill="1" applyBorder="1" applyAlignment="1">
      <alignment horizontal="right" vertical="center" wrapText="1"/>
    </xf>
    <xf numFmtId="0" fontId="5" fillId="0" borderId="0" xfId="1" applyNumberFormat="1" applyFont="1" applyAlignment="1">
      <alignment horizontal="center" vertical="center" wrapText="1"/>
    </xf>
    <xf numFmtId="0" fontId="5" fillId="3" borderId="11" xfId="1" applyFont="1" applyFill="1" applyBorder="1" applyAlignment="1">
      <alignment horizontal="center" vertical="center" wrapText="1"/>
    </xf>
    <xf numFmtId="0" fontId="5" fillId="3" borderId="6" xfId="1" applyFont="1" applyFill="1" applyBorder="1" applyAlignment="1">
      <alignment horizontal="center" vertical="center" wrapText="1"/>
    </xf>
    <xf numFmtId="0" fontId="5" fillId="3" borderId="8" xfId="1" applyFont="1" applyFill="1" applyBorder="1" applyAlignment="1">
      <alignment horizontal="center" vertical="center" wrapText="1"/>
    </xf>
    <xf numFmtId="0" fontId="5" fillId="3" borderId="3" xfId="1" applyFont="1" applyFill="1" applyBorder="1" applyAlignment="1">
      <alignment horizontal="center" vertical="center" wrapText="1"/>
    </xf>
    <xf numFmtId="0" fontId="5" fillId="3" borderId="1" xfId="1" applyFont="1" applyFill="1" applyBorder="1" applyAlignment="1">
      <alignment horizontal="center" vertical="center" wrapText="1"/>
    </xf>
    <xf numFmtId="0" fontId="5" fillId="3" borderId="12" xfId="1" applyFont="1" applyFill="1" applyBorder="1" applyAlignment="1">
      <alignment horizontal="center" vertical="center" wrapText="1"/>
    </xf>
    <xf numFmtId="165" fontId="4" fillId="0" borderId="8" xfId="1" applyNumberFormat="1" applyFont="1" applyFill="1" applyBorder="1" applyAlignment="1">
      <alignment horizontal="center" vertical="center" wrapText="1"/>
    </xf>
    <xf numFmtId="165" fontId="4" fillId="0" borderId="3" xfId="1" applyNumberFormat="1" applyFont="1" applyFill="1" applyBorder="1" applyAlignment="1">
      <alignment horizontal="center" vertical="center" wrapText="1"/>
    </xf>
    <xf numFmtId="0" fontId="4" fillId="0" borderId="11" xfId="1" applyFont="1" applyBorder="1" applyAlignment="1">
      <alignment horizontal="center" vertical="center"/>
    </xf>
    <xf numFmtId="0" fontId="4" fillId="0" borderId="8" xfId="1" applyFont="1" applyBorder="1" applyAlignment="1">
      <alignment horizontal="center" vertical="center"/>
    </xf>
    <xf numFmtId="0" fontId="4" fillId="0" borderId="1" xfId="1" applyFont="1" applyBorder="1" applyAlignment="1">
      <alignment horizontal="center" vertical="center"/>
    </xf>
    <xf numFmtId="0" fontId="4" fillId="0" borderId="0" xfId="0" applyFont="1" applyFill="1" applyAlignment="1">
      <alignment horizontal="center" vertical="center" wrapText="1"/>
    </xf>
    <xf numFmtId="0" fontId="5" fillId="0" borderId="0" xfId="0" applyFont="1" applyFill="1" applyAlignment="1">
      <alignment horizontal="center" vertical="center" wrapText="1"/>
    </xf>
    <xf numFmtId="0" fontId="5" fillId="0" borderId="0" xfId="0" quotePrefix="1" applyFont="1" applyFill="1" applyAlignment="1">
      <alignment horizontal="center" vertical="center" wrapText="1"/>
    </xf>
    <xf numFmtId="169" fontId="4" fillId="0" borderId="7" xfId="0" applyNumberFormat="1" applyFont="1" applyFill="1" applyBorder="1" applyAlignment="1">
      <alignment horizontal="right" vertical="center" wrapText="1"/>
    </xf>
    <xf numFmtId="164" fontId="5" fillId="2" borderId="11" xfId="0" applyNumberFormat="1" applyFont="1" applyFill="1" applyBorder="1" applyAlignment="1">
      <alignment horizontal="center" vertical="center" wrapText="1"/>
    </xf>
    <xf numFmtId="164" fontId="5" fillId="2" borderId="4" xfId="0" applyNumberFormat="1" applyFont="1" applyFill="1" applyBorder="1" applyAlignment="1">
      <alignment horizontal="center" vertical="center"/>
    </xf>
    <xf numFmtId="0" fontId="4" fillId="0" borderId="7" xfId="0" applyFont="1" applyFill="1" applyBorder="1" applyAlignment="1">
      <alignment horizontal="left" vertical="center" wrapText="1"/>
    </xf>
    <xf numFmtId="165" fontId="5" fillId="0" borderId="11" xfId="0" applyNumberFormat="1" applyFont="1" applyFill="1" applyBorder="1" applyAlignment="1">
      <alignment horizontal="left" vertical="center"/>
    </xf>
    <xf numFmtId="165" fontId="5" fillId="0" borderId="4" xfId="0" applyNumberFormat="1" applyFont="1" applyFill="1" applyBorder="1" applyAlignment="1">
      <alignment horizontal="left" vertical="center"/>
    </xf>
    <xf numFmtId="165" fontId="5" fillId="0" borderId="6" xfId="0" applyNumberFormat="1" applyFont="1" applyFill="1" applyBorder="1" applyAlignment="1">
      <alignment horizontal="left" vertical="center"/>
    </xf>
    <xf numFmtId="165" fontId="4" fillId="0" borderId="8" xfId="0" applyNumberFormat="1" applyFont="1" applyFill="1" applyBorder="1" applyAlignment="1">
      <alignment horizontal="left" vertical="center"/>
    </xf>
    <xf numFmtId="165" fontId="4" fillId="0" borderId="0" xfId="0" applyNumberFormat="1" applyFont="1" applyFill="1" applyAlignment="1">
      <alignment horizontal="left" vertical="center"/>
    </xf>
    <xf numFmtId="165" fontId="4" fillId="0" borderId="3" xfId="0" applyNumberFormat="1" applyFont="1" applyFill="1" applyBorder="1" applyAlignment="1">
      <alignment horizontal="left" vertical="center"/>
    </xf>
    <xf numFmtId="165" fontId="4" fillId="0" borderId="0" xfId="0" applyNumberFormat="1" applyFont="1" applyFill="1" applyBorder="1" applyAlignment="1">
      <alignment horizontal="left" vertical="center"/>
    </xf>
    <xf numFmtId="165" fontId="4" fillId="0" borderId="1" xfId="0" applyNumberFormat="1" applyFont="1" applyFill="1" applyBorder="1" applyAlignment="1">
      <alignment horizontal="left" vertical="center"/>
    </xf>
    <xf numFmtId="165" fontId="4" fillId="0" borderId="7" xfId="0" applyNumberFormat="1" applyFont="1" applyFill="1" applyBorder="1" applyAlignment="1">
      <alignment horizontal="left" vertical="center"/>
    </xf>
    <xf numFmtId="165" fontId="4" fillId="0" borderId="12" xfId="0" applyNumberFormat="1" applyFont="1" applyFill="1" applyBorder="1" applyAlignment="1">
      <alignment horizontal="left" vertical="center"/>
    </xf>
    <xf numFmtId="165" fontId="5" fillId="2" borderId="10" xfId="0" applyNumberFormat="1" applyFont="1" applyFill="1" applyBorder="1" applyAlignment="1">
      <alignment horizontal="left" vertical="center"/>
    </xf>
    <xf numFmtId="165" fontId="5" fillId="2" borderId="5" xfId="0" applyNumberFormat="1" applyFont="1" applyFill="1" applyBorder="1" applyAlignment="1">
      <alignment horizontal="left" vertical="center"/>
    </xf>
    <xf numFmtId="165" fontId="5" fillId="2" borderId="9" xfId="0" applyNumberFormat="1" applyFont="1" applyFill="1" applyBorder="1" applyAlignment="1">
      <alignment horizontal="left" vertical="center"/>
    </xf>
    <xf numFmtId="165" fontId="4" fillId="0" borderId="11" xfId="0" applyNumberFormat="1" applyFont="1" applyFill="1" applyBorder="1" applyAlignment="1">
      <alignment horizontal="left" vertical="center"/>
    </xf>
    <xf numFmtId="165" fontId="4" fillId="0" borderId="4" xfId="0" applyNumberFormat="1" applyFont="1" applyFill="1" applyBorder="1" applyAlignment="1">
      <alignment horizontal="left" vertical="center"/>
    </xf>
    <xf numFmtId="165" fontId="4" fillId="0" borderId="6" xfId="0" applyNumberFormat="1" applyFont="1" applyFill="1" applyBorder="1" applyAlignment="1">
      <alignment horizontal="left" vertical="center"/>
    </xf>
    <xf numFmtId="22" fontId="4" fillId="0" borderId="4" xfId="1" applyNumberFormat="1" applyFont="1" applyBorder="1" applyAlignment="1">
      <alignment horizontal="right" vertical="center"/>
    </xf>
    <xf numFmtId="0" fontId="0" fillId="0" borderId="2" xfId="0" applyBorder="1" applyAlignment="1">
      <alignment horizontal="center" vertical="center" wrapText="1"/>
    </xf>
    <xf numFmtId="0" fontId="0" fillId="0" borderId="13" xfId="0" applyBorder="1" applyAlignment="1">
      <alignment horizontal="center" vertical="center" wrapText="1"/>
    </xf>
    <xf numFmtId="0" fontId="0" fillId="0" borderId="8" xfId="0" applyBorder="1" applyAlignment="1">
      <alignment horizontal="center" vertical="center" wrapText="1"/>
    </xf>
    <xf numFmtId="0" fontId="0" fillId="0" borderId="1" xfId="0" applyBorder="1" applyAlignment="1">
      <alignment horizontal="center" vertical="center" wrapText="1"/>
    </xf>
    <xf numFmtId="0" fontId="5" fillId="2" borderId="0" xfId="0" applyFont="1" applyFill="1" applyBorder="1" applyAlignment="1">
      <alignment horizontal="center" vertical="center" wrapText="1"/>
    </xf>
    <xf numFmtId="0" fontId="5" fillId="2" borderId="2" xfId="0" applyFont="1" applyFill="1" applyBorder="1" applyAlignment="1">
      <alignment horizontal="center" vertical="center" wrapText="1"/>
    </xf>
    <xf numFmtId="49" fontId="5" fillId="2" borderId="10" xfId="0" applyNumberFormat="1" applyFont="1" applyFill="1" applyBorder="1" applyAlignment="1">
      <alignment horizontal="center" vertical="center"/>
    </xf>
    <xf numFmtId="49" fontId="5" fillId="2" borderId="5" xfId="0" applyNumberFormat="1" applyFont="1" applyFill="1" applyBorder="1" applyAlignment="1">
      <alignment horizontal="center" vertical="center"/>
    </xf>
    <xf numFmtId="165" fontId="4" fillId="0" borderId="1" xfId="0" applyNumberFormat="1" applyFont="1" applyFill="1" applyBorder="1" applyAlignment="1">
      <alignment horizontal="center" vertical="center"/>
    </xf>
    <xf numFmtId="165" fontId="4" fillId="0" borderId="12" xfId="0" applyNumberFormat="1" applyFont="1" applyFill="1" applyBorder="1" applyAlignment="1">
      <alignment horizontal="center" vertical="center"/>
    </xf>
    <xf numFmtId="165" fontId="4" fillId="0" borderId="11" xfId="0" applyNumberFormat="1" applyFont="1" applyFill="1" applyBorder="1" applyAlignment="1">
      <alignment horizontal="center" vertical="center"/>
    </xf>
    <xf numFmtId="165" fontId="4" fillId="0" borderId="4" xfId="0" applyNumberFormat="1" applyFont="1" applyFill="1" applyBorder="1" applyAlignment="1">
      <alignment horizontal="center" vertical="center"/>
    </xf>
    <xf numFmtId="165" fontId="4" fillId="0" borderId="7" xfId="0" applyNumberFormat="1" applyFont="1" applyFill="1" applyBorder="1" applyAlignment="1">
      <alignment horizontal="center" vertical="center"/>
    </xf>
    <xf numFmtId="165" fontId="4" fillId="0" borderId="6" xfId="0" applyNumberFormat="1" applyFont="1" applyFill="1" applyBorder="1" applyAlignment="1">
      <alignment horizontal="center" vertical="center"/>
    </xf>
    <xf numFmtId="165" fontId="4" fillId="0" borderId="10" xfId="0" applyNumberFormat="1" applyFont="1" applyFill="1" applyBorder="1" applyAlignment="1">
      <alignment horizontal="center" vertical="center"/>
    </xf>
    <xf numFmtId="165" fontId="4" fillId="0" borderId="5" xfId="0" applyNumberFormat="1" applyFont="1" applyFill="1" applyBorder="1" applyAlignment="1">
      <alignment horizontal="center" vertical="center"/>
    </xf>
    <xf numFmtId="43" fontId="4" fillId="0" borderId="10" xfId="5" applyFont="1" applyFill="1" applyBorder="1" applyAlignment="1">
      <alignment horizontal="center" vertical="center"/>
    </xf>
    <xf numFmtId="43" fontId="4" fillId="0" borderId="5" xfId="5" applyFont="1" applyFill="1" applyBorder="1" applyAlignment="1">
      <alignment horizontal="center" vertical="center"/>
    </xf>
    <xf numFmtId="165" fontId="5" fillId="0" borderId="11" xfId="0" applyNumberFormat="1" applyFont="1" applyFill="1" applyBorder="1" applyAlignment="1">
      <alignment horizontal="center" vertical="center"/>
    </xf>
    <xf numFmtId="165" fontId="5" fillId="0" borderId="4" xfId="0" applyNumberFormat="1" applyFont="1" applyFill="1" applyBorder="1" applyAlignment="1">
      <alignment horizontal="center" vertical="center"/>
    </xf>
    <xf numFmtId="165" fontId="4" fillId="0" borderId="8"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165" fontId="4" fillId="0" borderId="11" xfId="0" applyNumberFormat="1" applyFont="1" applyFill="1" applyBorder="1" applyAlignment="1">
      <alignment horizontal="center" vertical="center" wrapText="1"/>
    </xf>
    <xf numFmtId="165" fontId="4" fillId="0" borderId="4" xfId="0" applyNumberFormat="1" applyFont="1" applyFill="1" applyBorder="1" applyAlignment="1">
      <alignment horizontal="center" vertical="center" wrapText="1"/>
    </xf>
  </cellXfs>
  <cellStyles count="6">
    <cellStyle name="Normal" xfId="0" builtinId="0"/>
    <cellStyle name="Normal 2" xfId="1"/>
    <cellStyle name="Normal 3" xfId="2"/>
    <cellStyle name="Separador de milhares 2" xfId="3"/>
    <cellStyle name="Vírgula" xfId="5" builtinId="3"/>
    <cellStyle name="Vírgula 2"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drawing1.xml><?xml version="1.0" encoding="utf-8"?>
<xdr:wsDr xmlns:xdr="http://schemas.openxmlformats.org/drawingml/2006/spreadsheetDrawing" xmlns:a="http://schemas.openxmlformats.org/drawingml/2006/main">
  <xdr:twoCellAnchor>
    <xdr:from>
      <xdr:col>0</xdr:col>
      <xdr:colOff>1237839</xdr:colOff>
      <xdr:row>128</xdr:row>
      <xdr:rowOff>0</xdr:rowOff>
    </xdr:from>
    <xdr:to>
      <xdr:col>1</xdr:col>
      <xdr:colOff>674759</xdr:colOff>
      <xdr:row>132</xdr:row>
      <xdr:rowOff>22225</xdr:rowOff>
    </xdr:to>
    <xdr:sp macro="" textlink="">
      <xdr:nvSpPr>
        <xdr:cNvPr id="6" name="CaixaDeTexto 5"/>
        <xdr:cNvSpPr txBox="1"/>
      </xdr:nvSpPr>
      <xdr:spPr>
        <a:xfrm>
          <a:off x="1237839" y="22374225"/>
          <a:ext cx="3265970"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504140</xdr:colOff>
      <xdr:row>128</xdr:row>
      <xdr:rowOff>0</xdr:rowOff>
    </xdr:from>
    <xdr:to>
      <xdr:col>5</xdr:col>
      <xdr:colOff>993775</xdr:colOff>
      <xdr:row>132</xdr:row>
      <xdr:rowOff>22225</xdr:rowOff>
    </xdr:to>
    <xdr:sp macro="" textlink="">
      <xdr:nvSpPr>
        <xdr:cNvPr id="7" name="CaixaDeTexto 6"/>
        <xdr:cNvSpPr txBox="1"/>
      </xdr:nvSpPr>
      <xdr:spPr>
        <a:xfrm>
          <a:off x="7182223" y="16869833"/>
          <a:ext cx="3135469" cy="6148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403915</xdr:colOff>
      <xdr:row>128</xdr:row>
      <xdr:rowOff>0</xdr:rowOff>
    </xdr:from>
    <xdr:to>
      <xdr:col>11</xdr:col>
      <xdr:colOff>382671</xdr:colOff>
      <xdr:row>132</xdr:row>
      <xdr:rowOff>62764</xdr:rowOff>
    </xdr:to>
    <xdr:sp macro="" textlink="">
      <xdr:nvSpPr>
        <xdr:cNvPr id="8" name="CaixaDeTexto 7"/>
        <xdr:cNvSpPr txBox="1"/>
      </xdr:nvSpPr>
      <xdr:spPr>
        <a:xfrm>
          <a:off x="13781248" y="16869833"/>
          <a:ext cx="3566506" cy="65543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331449</xdr:colOff>
      <xdr:row>97</xdr:row>
      <xdr:rowOff>0</xdr:rowOff>
    </xdr:from>
    <xdr:to>
      <xdr:col>0</xdr:col>
      <xdr:colOff>2581275</xdr:colOff>
      <xdr:row>101</xdr:row>
      <xdr:rowOff>22225</xdr:rowOff>
    </xdr:to>
    <xdr:sp macro="" textlink="">
      <xdr:nvSpPr>
        <xdr:cNvPr id="7" name="CaixaDeTexto 6"/>
        <xdr:cNvSpPr txBox="1"/>
      </xdr:nvSpPr>
      <xdr:spPr>
        <a:xfrm>
          <a:off x="331449" y="14373225"/>
          <a:ext cx="2249826"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67590</xdr:colOff>
      <xdr:row>97</xdr:row>
      <xdr:rowOff>0</xdr:rowOff>
    </xdr:from>
    <xdr:to>
      <xdr:col>3</xdr:col>
      <xdr:colOff>304800</xdr:colOff>
      <xdr:row>101</xdr:row>
      <xdr:rowOff>22225</xdr:rowOff>
    </xdr:to>
    <xdr:sp macro="" textlink="">
      <xdr:nvSpPr>
        <xdr:cNvPr id="8" name="CaixaDeTexto 7"/>
        <xdr:cNvSpPr txBox="1"/>
      </xdr:nvSpPr>
      <xdr:spPr>
        <a:xfrm>
          <a:off x="3949015" y="14373225"/>
          <a:ext cx="26899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27761</xdr:colOff>
      <xdr:row>97</xdr:row>
      <xdr:rowOff>0</xdr:rowOff>
    </xdr:from>
    <xdr:to>
      <xdr:col>6</xdr:col>
      <xdr:colOff>1095375</xdr:colOff>
      <xdr:row>101</xdr:row>
      <xdr:rowOff>62764</xdr:rowOff>
    </xdr:to>
    <xdr:sp macro="" textlink="">
      <xdr:nvSpPr>
        <xdr:cNvPr id="9" name="CaixaDeTexto 8"/>
        <xdr:cNvSpPr txBox="1"/>
      </xdr:nvSpPr>
      <xdr:spPr>
        <a:xfrm>
          <a:off x="7704911" y="14363700"/>
          <a:ext cx="3258364"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745015</xdr:colOff>
      <xdr:row>191</xdr:row>
      <xdr:rowOff>0</xdr:rowOff>
    </xdr:from>
    <xdr:to>
      <xdr:col>0</xdr:col>
      <xdr:colOff>3093063</xdr:colOff>
      <xdr:row>195</xdr:row>
      <xdr:rowOff>22225</xdr:rowOff>
    </xdr:to>
    <xdr:sp macro="" textlink="">
      <xdr:nvSpPr>
        <xdr:cNvPr id="7" name="CaixaDeTexto 6"/>
        <xdr:cNvSpPr txBox="1"/>
      </xdr:nvSpPr>
      <xdr:spPr>
        <a:xfrm>
          <a:off x="745015" y="33470645"/>
          <a:ext cx="2348048" cy="5957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346161</xdr:colOff>
      <xdr:row>191</xdr:row>
      <xdr:rowOff>0</xdr:rowOff>
    </xdr:from>
    <xdr:to>
      <xdr:col>3</xdr:col>
      <xdr:colOff>405891</xdr:colOff>
      <xdr:row>195</xdr:row>
      <xdr:rowOff>22225</xdr:rowOff>
    </xdr:to>
    <xdr:sp macro="" textlink="">
      <xdr:nvSpPr>
        <xdr:cNvPr id="8" name="CaixaDeTexto 7"/>
        <xdr:cNvSpPr txBox="1"/>
      </xdr:nvSpPr>
      <xdr:spPr>
        <a:xfrm>
          <a:off x="5727786" y="29027438"/>
          <a:ext cx="2667199" cy="5461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003071</xdr:colOff>
      <xdr:row>191</xdr:row>
      <xdr:rowOff>0</xdr:rowOff>
    </xdr:from>
    <xdr:to>
      <xdr:col>7</xdr:col>
      <xdr:colOff>950535</xdr:colOff>
      <xdr:row>195</xdr:row>
      <xdr:rowOff>62764</xdr:rowOff>
    </xdr:to>
    <xdr:sp macro="" textlink="">
      <xdr:nvSpPr>
        <xdr:cNvPr id="9" name="CaixaDeTexto 8"/>
        <xdr:cNvSpPr txBox="1"/>
      </xdr:nvSpPr>
      <xdr:spPr>
        <a:xfrm>
          <a:off x="10337571" y="29027438"/>
          <a:ext cx="3424089" cy="5866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531473</xdr:colOff>
      <xdr:row>129</xdr:row>
      <xdr:rowOff>0</xdr:rowOff>
    </xdr:from>
    <xdr:to>
      <xdr:col>0</xdr:col>
      <xdr:colOff>2924175</xdr:colOff>
      <xdr:row>133</xdr:row>
      <xdr:rowOff>22225</xdr:rowOff>
    </xdr:to>
    <xdr:sp macro="" textlink="">
      <xdr:nvSpPr>
        <xdr:cNvPr id="6" name="CaixaDeTexto 5"/>
        <xdr:cNvSpPr txBox="1"/>
      </xdr:nvSpPr>
      <xdr:spPr>
        <a:xfrm>
          <a:off x="531473" y="22488525"/>
          <a:ext cx="239270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774279</xdr:colOff>
      <xdr:row>129</xdr:row>
      <xdr:rowOff>0</xdr:rowOff>
    </xdr:from>
    <xdr:to>
      <xdr:col>3</xdr:col>
      <xdr:colOff>825764</xdr:colOff>
      <xdr:row>133</xdr:row>
      <xdr:rowOff>22225</xdr:rowOff>
    </xdr:to>
    <xdr:sp macro="" textlink="">
      <xdr:nvSpPr>
        <xdr:cNvPr id="7" name="CaixaDeTexto 6"/>
        <xdr:cNvSpPr txBox="1"/>
      </xdr:nvSpPr>
      <xdr:spPr>
        <a:xfrm>
          <a:off x="4982774" y="22879439"/>
          <a:ext cx="2617403" cy="60538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156373</xdr:colOff>
      <xdr:row>129</xdr:row>
      <xdr:rowOff>0</xdr:rowOff>
    </xdr:from>
    <xdr:to>
      <xdr:col>7</xdr:col>
      <xdr:colOff>728562</xdr:colOff>
      <xdr:row>133</xdr:row>
      <xdr:rowOff>62764</xdr:rowOff>
    </xdr:to>
    <xdr:sp macro="" textlink="">
      <xdr:nvSpPr>
        <xdr:cNvPr id="8" name="CaixaDeTexto 7"/>
        <xdr:cNvSpPr txBox="1"/>
      </xdr:nvSpPr>
      <xdr:spPr>
        <a:xfrm>
          <a:off x="9194307" y="22879439"/>
          <a:ext cx="3187801" cy="64592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0</xdr:col>
      <xdr:colOff>198098</xdr:colOff>
      <xdr:row>52</xdr:row>
      <xdr:rowOff>0</xdr:rowOff>
    </xdr:from>
    <xdr:to>
      <xdr:col>0</xdr:col>
      <xdr:colOff>2495550</xdr:colOff>
      <xdr:row>56</xdr:row>
      <xdr:rowOff>22225</xdr:rowOff>
    </xdr:to>
    <xdr:sp macro="" textlink="">
      <xdr:nvSpPr>
        <xdr:cNvPr id="6" name="CaixaDeTexto 5"/>
        <xdr:cNvSpPr txBox="1"/>
      </xdr:nvSpPr>
      <xdr:spPr>
        <a:xfrm>
          <a:off x="198098" y="7696200"/>
          <a:ext cx="229745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253690</xdr:colOff>
      <xdr:row>52</xdr:row>
      <xdr:rowOff>0</xdr:rowOff>
    </xdr:from>
    <xdr:to>
      <xdr:col>3</xdr:col>
      <xdr:colOff>180975</xdr:colOff>
      <xdr:row>56</xdr:row>
      <xdr:rowOff>22225</xdr:rowOff>
    </xdr:to>
    <xdr:sp macro="" textlink="">
      <xdr:nvSpPr>
        <xdr:cNvPr id="7" name="CaixaDeTexto 6"/>
        <xdr:cNvSpPr txBox="1"/>
      </xdr:nvSpPr>
      <xdr:spPr>
        <a:xfrm>
          <a:off x="3253690" y="7696200"/>
          <a:ext cx="24232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70637</xdr:colOff>
      <xdr:row>52</xdr:row>
      <xdr:rowOff>0</xdr:rowOff>
    </xdr:from>
    <xdr:to>
      <xdr:col>11</xdr:col>
      <xdr:colOff>266700</xdr:colOff>
      <xdr:row>56</xdr:row>
      <xdr:rowOff>62764</xdr:rowOff>
    </xdr:to>
    <xdr:sp macro="" textlink="">
      <xdr:nvSpPr>
        <xdr:cNvPr id="8" name="CaixaDeTexto 7"/>
        <xdr:cNvSpPr txBox="1"/>
      </xdr:nvSpPr>
      <xdr:spPr>
        <a:xfrm>
          <a:off x="6114237" y="7696200"/>
          <a:ext cx="3229788"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0</xdr:col>
      <xdr:colOff>312395</xdr:colOff>
      <xdr:row>107</xdr:row>
      <xdr:rowOff>0</xdr:rowOff>
    </xdr:from>
    <xdr:to>
      <xdr:col>0</xdr:col>
      <xdr:colOff>2585355</xdr:colOff>
      <xdr:row>111</xdr:row>
      <xdr:rowOff>22225</xdr:rowOff>
    </xdr:to>
    <xdr:sp macro="" textlink="">
      <xdr:nvSpPr>
        <xdr:cNvPr id="6" name="CaixaDeTexto 5"/>
        <xdr:cNvSpPr txBox="1"/>
      </xdr:nvSpPr>
      <xdr:spPr>
        <a:xfrm>
          <a:off x="312395" y="16219714"/>
          <a:ext cx="2272960" cy="6209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328623</xdr:colOff>
      <xdr:row>107</xdr:row>
      <xdr:rowOff>0</xdr:rowOff>
    </xdr:from>
    <xdr:to>
      <xdr:col>4</xdr:col>
      <xdr:colOff>1014950</xdr:colOff>
      <xdr:row>111</xdr:row>
      <xdr:rowOff>62764</xdr:rowOff>
    </xdr:to>
    <xdr:sp macro="" textlink="">
      <xdr:nvSpPr>
        <xdr:cNvPr id="8" name="CaixaDeTexto 7"/>
        <xdr:cNvSpPr txBox="1"/>
      </xdr:nvSpPr>
      <xdr:spPr>
        <a:xfrm>
          <a:off x="7748598" y="15630525"/>
          <a:ext cx="3115202"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0</xdr:col>
      <xdr:colOff>4177612</xdr:colOff>
      <xdr:row>107</xdr:row>
      <xdr:rowOff>19050</xdr:rowOff>
    </xdr:from>
    <xdr:to>
      <xdr:col>1</xdr:col>
      <xdr:colOff>619122</xdr:colOff>
      <xdr:row>111</xdr:row>
      <xdr:rowOff>41275</xdr:rowOff>
    </xdr:to>
    <xdr:sp macro="" textlink="">
      <xdr:nvSpPr>
        <xdr:cNvPr id="9" name="CaixaDeTexto 8"/>
        <xdr:cNvSpPr txBox="1"/>
      </xdr:nvSpPr>
      <xdr:spPr>
        <a:xfrm>
          <a:off x="4177612" y="15649575"/>
          <a:ext cx="26137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973705</xdr:colOff>
      <xdr:row>99</xdr:row>
      <xdr:rowOff>0</xdr:rowOff>
    </xdr:from>
    <xdr:to>
      <xdr:col>0</xdr:col>
      <xdr:colOff>3619501</xdr:colOff>
      <xdr:row>103</xdr:row>
      <xdr:rowOff>22225</xdr:rowOff>
    </xdr:to>
    <xdr:sp macro="" textlink="">
      <xdr:nvSpPr>
        <xdr:cNvPr id="6" name="CaixaDeTexto 5"/>
        <xdr:cNvSpPr txBox="1"/>
      </xdr:nvSpPr>
      <xdr:spPr>
        <a:xfrm>
          <a:off x="973705" y="13634357"/>
          <a:ext cx="2645796" cy="6209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234265</xdr:colOff>
      <xdr:row>99</xdr:row>
      <xdr:rowOff>0</xdr:rowOff>
    </xdr:from>
    <xdr:to>
      <xdr:col>5</xdr:col>
      <xdr:colOff>424543</xdr:colOff>
      <xdr:row>103</xdr:row>
      <xdr:rowOff>22225</xdr:rowOff>
    </xdr:to>
    <xdr:sp macro="" textlink="">
      <xdr:nvSpPr>
        <xdr:cNvPr id="7" name="CaixaDeTexto 6"/>
        <xdr:cNvSpPr txBox="1"/>
      </xdr:nvSpPr>
      <xdr:spPr>
        <a:xfrm>
          <a:off x="6452729" y="13634357"/>
          <a:ext cx="2517100" cy="6209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7</xdr:col>
      <xdr:colOff>993322</xdr:colOff>
      <xdr:row>99</xdr:row>
      <xdr:rowOff>0</xdr:rowOff>
    </xdr:from>
    <xdr:to>
      <xdr:col>11</xdr:col>
      <xdr:colOff>219622</xdr:colOff>
      <xdr:row>103</xdr:row>
      <xdr:rowOff>62764</xdr:rowOff>
    </xdr:to>
    <xdr:sp macro="" textlink="">
      <xdr:nvSpPr>
        <xdr:cNvPr id="8" name="CaixaDeTexto 7"/>
        <xdr:cNvSpPr txBox="1"/>
      </xdr:nvSpPr>
      <xdr:spPr>
        <a:xfrm>
          <a:off x="11680372" y="13354050"/>
          <a:ext cx="3331575"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1237839</xdr:colOff>
      <xdr:row>195</xdr:row>
      <xdr:rowOff>0</xdr:rowOff>
    </xdr:from>
    <xdr:to>
      <xdr:col>1</xdr:col>
      <xdr:colOff>674759</xdr:colOff>
      <xdr:row>199</xdr:row>
      <xdr:rowOff>22225</xdr:rowOff>
    </xdr:to>
    <xdr:sp macro="" textlink="">
      <xdr:nvSpPr>
        <xdr:cNvPr id="7" name="CaixaDeTexto 6"/>
        <xdr:cNvSpPr txBox="1"/>
      </xdr:nvSpPr>
      <xdr:spPr>
        <a:xfrm>
          <a:off x="1237839" y="13354050"/>
          <a:ext cx="326597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996265</xdr:colOff>
      <xdr:row>195</xdr:row>
      <xdr:rowOff>0</xdr:rowOff>
    </xdr:from>
    <xdr:to>
      <xdr:col>6</xdr:col>
      <xdr:colOff>152400</xdr:colOff>
      <xdr:row>199</xdr:row>
      <xdr:rowOff>22225</xdr:rowOff>
    </xdr:to>
    <xdr:sp macro="" textlink="">
      <xdr:nvSpPr>
        <xdr:cNvPr id="8" name="CaixaDeTexto 7"/>
        <xdr:cNvSpPr txBox="1"/>
      </xdr:nvSpPr>
      <xdr:spPr>
        <a:xfrm>
          <a:off x="7216090" y="13354050"/>
          <a:ext cx="251846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562665</xdr:colOff>
      <xdr:row>195</xdr:row>
      <xdr:rowOff>0</xdr:rowOff>
    </xdr:from>
    <xdr:to>
      <xdr:col>11</xdr:col>
      <xdr:colOff>541421</xdr:colOff>
      <xdr:row>199</xdr:row>
      <xdr:rowOff>62764</xdr:rowOff>
    </xdr:to>
    <xdr:sp macro="" textlink="">
      <xdr:nvSpPr>
        <xdr:cNvPr id="9" name="CaixaDeTexto 8"/>
        <xdr:cNvSpPr txBox="1"/>
      </xdr:nvSpPr>
      <xdr:spPr>
        <a:xfrm>
          <a:off x="12106965" y="25174575"/>
          <a:ext cx="3683981"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1237839</xdr:colOff>
      <xdr:row>107</xdr:row>
      <xdr:rowOff>0</xdr:rowOff>
    </xdr:from>
    <xdr:to>
      <xdr:col>1</xdr:col>
      <xdr:colOff>674759</xdr:colOff>
      <xdr:row>111</xdr:row>
      <xdr:rowOff>22225</xdr:rowOff>
    </xdr:to>
    <xdr:sp macro="" textlink="">
      <xdr:nvSpPr>
        <xdr:cNvPr id="7" name="CaixaDeTexto 6"/>
        <xdr:cNvSpPr txBox="1"/>
      </xdr:nvSpPr>
      <xdr:spPr>
        <a:xfrm>
          <a:off x="1237839" y="13354050"/>
          <a:ext cx="326597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996265</xdr:colOff>
      <xdr:row>107</xdr:row>
      <xdr:rowOff>0</xdr:rowOff>
    </xdr:from>
    <xdr:to>
      <xdr:col>6</xdr:col>
      <xdr:colOff>152400</xdr:colOff>
      <xdr:row>111</xdr:row>
      <xdr:rowOff>22225</xdr:rowOff>
    </xdr:to>
    <xdr:sp macro="" textlink="">
      <xdr:nvSpPr>
        <xdr:cNvPr id="8" name="CaixaDeTexto 7"/>
        <xdr:cNvSpPr txBox="1"/>
      </xdr:nvSpPr>
      <xdr:spPr>
        <a:xfrm>
          <a:off x="7216090" y="13354050"/>
          <a:ext cx="251846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562665</xdr:colOff>
      <xdr:row>107</xdr:row>
      <xdr:rowOff>0</xdr:rowOff>
    </xdr:from>
    <xdr:to>
      <xdr:col>11</xdr:col>
      <xdr:colOff>541421</xdr:colOff>
      <xdr:row>111</xdr:row>
      <xdr:rowOff>62764</xdr:rowOff>
    </xdr:to>
    <xdr:sp macro="" textlink="">
      <xdr:nvSpPr>
        <xdr:cNvPr id="9" name="CaixaDeTexto 8"/>
        <xdr:cNvSpPr txBox="1"/>
      </xdr:nvSpPr>
      <xdr:spPr>
        <a:xfrm>
          <a:off x="11268765" y="14706600"/>
          <a:ext cx="323630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561564</xdr:colOff>
      <xdr:row>79</xdr:row>
      <xdr:rowOff>0</xdr:rowOff>
    </xdr:from>
    <xdr:to>
      <xdr:col>0</xdr:col>
      <xdr:colOff>2932184</xdr:colOff>
      <xdr:row>83</xdr:row>
      <xdr:rowOff>22225</xdr:rowOff>
    </xdr:to>
    <xdr:sp macro="" textlink="">
      <xdr:nvSpPr>
        <xdr:cNvPr id="7" name="CaixaDeTexto 6"/>
        <xdr:cNvSpPr txBox="1"/>
      </xdr:nvSpPr>
      <xdr:spPr>
        <a:xfrm>
          <a:off x="561564" y="10858500"/>
          <a:ext cx="237062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243790</xdr:colOff>
      <xdr:row>79</xdr:row>
      <xdr:rowOff>0</xdr:rowOff>
    </xdr:from>
    <xdr:to>
      <xdr:col>4</xdr:col>
      <xdr:colOff>571500</xdr:colOff>
      <xdr:row>83</xdr:row>
      <xdr:rowOff>22225</xdr:rowOff>
    </xdr:to>
    <xdr:sp macro="" textlink="">
      <xdr:nvSpPr>
        <xdr:cNvPr id="8" name="CaixaDeTexto 7"/>
        <xdr:cNvSpPr txBox="1"/>
      </xdr:nvSpPr>
      <xdr:spPr>
        <a:xfrm>
          <a:off x="4425265" y="10858500"/>
          <a:ext cx="28423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399237</xdr:colOff>
      <xdr:row>79</xdr:row>
      <xdr:rowOff>0</xdr:rowOff>
    </xdr:from>
    <xdr:to>
      <xdr:col>7</xdr:col>
      <xdr:colOff>1095375</xdr:colOff>
      <xdr:row>83</xdr:row>
      <xdr:rowOff>62764</xdr:rowOff>
    </xdr:to>
    <xdr:sp macro="" textlink="">
      <xdr:nvSpPr>
        <xdr:cNvPr id="9" name="CaixaDeTexto 8"/>
        <xdr:cNvSpPr txBox="1"/>
      </xdr:nvSpPr>
      <xdr:spPr>
        <a:xfrm>
          <a:off x="8247837" y="10858500"/>
          <a:ext cx="3305988"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662182</xdr:colOff>
      <xdr:row>130</xdr:row>
      <xdr:rowOff>0</xdr:rowOff>
    </xdr:from>
    <xdr:to>
      <xdr:col>0</xdr:col>
      <xdr:colOff>3207284</xdr:colOff>
      <xdr:row>134</xdr:row>
      <xdr:rowOff>22225</xdr:rowOff>
    </xdr:to>
    <xdr:sp macro="" textlink="">
      <xdr:nvSpPr>
        <xdr:cNvPr id="7" name="CaixaDeTexto 6"/>
        <xdr:cNvSpPr txBox="1"/>
      </xdr:nvSpPr>
      <xdr:spPr>
        <a:xfrm>
          <a:off x="662182" y="19279518"/>
          <a:ext cx="2545102" cy="5730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972395</xdr:colOff>
      <xdr:row>130</xdr:row>
      <xdr:rowOff>0</xdr:rowOff>
    </xdr:from>
    <xdr:to>
      <xdr:col>3</xdr:col>
      <xdr:colOff>1035815</xdr:colOff>
      <xdr:row>134</xdr:row>
      <xdr:rowOff>22225</xdr:rowOff>
    </xdr:to>
    <xdr:sp macro="" textlink="">
      <xdr:nvSpPr>
        <xdr:cNvPr id="8" name="CaixaDeTexto 7"/>
        <xdr:cNvSpPr txBox="1"/>
      </xdr:nvSpPr>
      <xdr:spPr>
        <a:xfrm>
          <a:off x="5725370" y="19164300"/>
          <a:ext cx="295902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1010453</xdr:colOff>
      <xdr:row>130</xdr:row>
      <xdr:rowOff>0</xdr:rowOff>
    </xdr:from>
    <xdr:to>
      <xdr:col>8</xdr:col>
      <xdr:colOff>442739</xdr:colOff>
      <xdr:row>134</xdr:row>
      <xdr:rowOff>62764</xdr:rowOff>
    </xdr:to>
    <xdr:sp macro="" textlink="">
      <xdr:nvSpPr>
        <xdr:cNvPr id="9" name="CaixaDeTexto 8"/>
        <xdr:cNvSpPr txBox="1"/>
      </xdr:nvSpPr>
      <xdr:spPr>
        <a:xfrm>
          <a:off x="11192678" y="19164300"/>
          <a:ext cx="312798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1014217</xdr:colOff>
      <xdr:row>130</xdr:row>
      <xdr:rowOff>0</xdr:rowOff>
    </xdr:from>
    <xdr:to>
      <xdr:col>0</xdr:col>
      <xdr:colOff>3496109</xdr:colOff>
      <xdr:row>134</xdr:row>
      <xdr:rowOff>22225</xdr:rowOff>
    </xdr:to>
    <xdr:sp macro="" textlink="">
      <xdr:nvSpPr>
        <xdr:cNvPr id="7" name="CaixaDeTexto 6"/>
        <xdr:cNvSpPr txBox="1"/>
      </xdr:nvSpPr>
      <xdr:spPr>
        <a:xfrm>
          <a:off x="1014217" y="19169063"/>
          <a:ext cx="2481892" cy="58506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465896</xdr:colOff>
      <xdr:row>130</xdr:row>
      <xdr:rowOff>0</xdr:rowOff>
    </xdr:from>
    <xdr:to>
      <xdr:col>3</xdr:col>
      <xdr:colOff>87458</xdr:colOff>
      <xdr:row>134</xdr:row>
      <xdr:rowOff>22225</xdr:rowOff>
    </xdr:to>
    <xdr:sp macro="" textlink="">
      <xdr:nvSpPr>
        <xdr:cNvPr id="8" name="CaixaDeTexto 7"/>
        <xdr:cNvSpPr txBox="1"/>
      </xdr:nvSpPr>
      <xdr:spPr>
        <a:xfrm>
          <a:off x="5618055" y="19169063"/>
          <a:ext cx="2305880" cy="58506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032216</xdr:colOff>
      <xdr:row>130</xdr:row>
      <xdr:rowOff>0</xdr:rowOff>
    </xdr:from>
    <xdr:to>
      <xdr:col>8</xdr:col>
      <xdr:colOff>508721</xdr:colOff>
      <xdr:row>134</xdr:row>
      <xdr:rowOff>62764</xdr:rowOff>
    </xdr:to>
    <xdr:sp macro="" textlink="">
      <xdr:nvSpPr>
        <xdr:cNvPr id="9" name="CaixaDeTexto 8"/>
        <xdr:cNvSpPr txBox="1"/>
      </xdr:nvSpPr>
      <xdr:spPr>
        <a:xfrm>
          <a:off x="9919041" y="19431000"/>
          <a:ext cx="3667505"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98098</xdr:colOff>
      <xdr:row>54</xdr:row>
      <xdr:rowOff>0</xdr:rowOff>
    </xdr:from>
    <xdr:to>
      <xdr:col>0</xdr:col>
      <xdr:colOff>2667000</xdr:colOff>
      <xdr:row>58</xdr:row>
      <xdr:rowOff>22225</xdr:rowOff>
    </xdr:to>
    <xdr:sp macro="" textlink="">
      <xdr:nvSpPr>
        <xdr:cNvPr id="7" name="CaixaDeTexto 6"/>
        <xdr:cNvSpPr txBox="1"/>
      </xdr:nvSpPr>
      <xdr:spPr>
        <a:xfrm>
          <a:off x="198098" y="8458200"/>
          <a:ext cx="246890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924300</xdr:colOff>
      <xdr:row>54</xdr:row>
      <xdr:rowOff>0</xdr:rowOff>
    </xdr:from>
    <xdr:to>
      <xdr:col>3</xdr:col>
      <xdr:colOff>186640</xdr:colOff>
      <xdr:row>58</xdr:row>
      <xdr:rowOff>22225</xdr:rowOff>
    </xdr:to>
    <xdr:sp macro="" textlink="">
      <xdr:nvSpPr>
        <xdr:cNvPr id="8" name="CaixaDeTexto 7"/>
        <xdr:cNvSpPr txBox="1"/>
      </xdr:nvSpPr>
      <xdr:spPr>
        <a:xfrm>
          <a:off x="3924300" y="8315325"/>
          <a:ext cx="281554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3</xdr:col>
      <xdr:colOff>1133475</xdr:colOff>
      <xdr:row>54</xdr:row>
      <xdr:rowOff>0</xdr:rowOff>
    </xdr:from>
    <xdr:to>
      <xdr:col>6</xdr:col>
      <xdr:colOff>970046</xdr:colOff>
      <xdr:row>58</xdr:row>
      <xdr:rowOff>62764</xdr:rowOff>
    </xdr:to>
    <xdr:sp macro="" textlink="">
      <xdr:nvSpPr>
        <xdr:cNvPr id="9" name="CaixaDeTexto 8"/>
        <xdr:cNvSpPr txBox="1"/>
      </xdr:nvSpPr>
      <xdr:spPr>
        <a:xfrm>
          <a:off x="7686675" y="8315325"/>
          <a:ext cx="367514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930940</xdr:colOff>
      <xdr:row>82</xdr:row>
      <xdr:rowOff>0</xdr:rowOff>
    </xdr:from>
    <xdr:to>
      <xdr:col>0</xdr:col>
      <xdr:colOff>3285154</xdr:colOff>
      <xdr:row>86</xdr:row>
      <xdr:rowOff>22225</xdr:rowOff>
    </xdr:to>
    <xdr:sp macro="" textlink="">
      <xdr:nvSpPr>
        <xdr:cNvPr id="7" name="CaixaDeTexto 6"/>
        <xdr:cNvSpPr txBox="1"/>
      </xdr:nvSpPr>
      <xdr:spPr>
        <a:xfrm>
          <a:off x="930940" y="12411658"/>
          <a:ext cx="2354214" cy="60538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024908</xdr:colOff>
      <xdr:row>82</xdr:row>
      <xdr:rowOff>0</xdr:rowOff>
    </xdr:from>
    <xdr:to>
      <xdr:col>3</xdr:col>
      <xdr:colOff>736732</xdr:colOff>
      <xdr:row>86</xdr:row>
      <xdr:rowOff>22225</xdr:rowOff>
    </xdr:to>
    <xdr:sp macro="" textlink="">
      <xdr:nvSpPr>
        <xdr:cNvPr id="8" name="CaixaDeTexto 7"/>
        <xdr:cNvSpPr txBox="1"/>
      </xdr:nvSpPr>
      <xdr:spPr>
        <a:xfrm>
          <a:off x="4983075" y="12530667"/>
          <a:ext cx="2421157" cy="61489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728955</xdr:colOff>
      <xdr:row>82</xdr:row>
      <xdr:rowOff>0</xdr:rowOff>
    </xdr:from>
    <xdr:to>
      <xdr:col>7</xdr:col>
      <xdr:colOff>394571</xdr:colOff>
      <xdr:row>86</xdr:row>
      <xdr:rowOff>62764</xdr:rowOff>
    </xdr:to>
    <xdr:sp macro="" textlink="">
      <xdr:nvSpPr>
        <xdr:cNvPr id="9" name="CaixaDeTexto 8"/>
        <xdr:cNvSpPr txBox="1"/>
      </xdr:nvSpPr>
      <xdr:spPr>
        <a:xfrm>
          <a:off x="8740538" y="12530667"/>
          <a:ext cx="3422700" cy="6554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printerSettings" Target="../printerSettings/printerSettings8.bin"/><Relationship Id="rId3" Type="http://schemas.openxmlformats.org/officeDocument/2006/relationships/printerSettings" Target="../printerSettings/printerSettings3.bin"/><Relationship Id="rId7" Type="http://schemas.openxmlformats.org/officeDocument/2006/relationships/printerSettings" Target="../printerSettings/printerSettings7.bin"/><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 Id="rId6" Type="http://schemas.openxmlformats.org/officeDocument/2006/relationships/printerSettings" Target="../printerSettings/printerSettings6.bin"/><Relationship Id="rId11" Type="http://schemas.openxmlformats.org/officeDocument/2006/relationships/drawing" Target="../drawings/drawing1.xml"/><Relationship Id="rId5" Type="http://schemas.openxmlformats.org/officeDocument/2006/relationships/printerSettings" Target="../printerSettings/printerSettings5.bin"/><Relationship Id="rId10" Type="http://schemas.openxmlformats.org/officeDocument/2006/relationships/printerSettings" Target="../printerSettings/printerSettings10.bin"/><Relationship Id="rId4" Type="http://schemas.openxmlformats.org/officeDocument/2006/relationships/printerSettings" Target="../printerSettings/printerSettings4.bin"/><Relationship Id="rId9" Type="http://schemas.openxmlformats.org/officeDocument/2006/relationships/printerSettings" Target="../printerSettings/printerSettings9.bin"/></Relationships>
</file>

<file path=xl/worksheets/_rels/sheet10.xml.rels><?xml version="1.0" encoding="UTF-8" standalone="yes"?>
<Relationships xmlns="http://schemas.openxmlformats.org/package/2006/relationships"><Relationship Id="rId8" Type="http://schemas.openxmlformats.org/officeDocument/2006/relationships/printerSettings" Target="../printerSettings/printerSettings95.bin"/><Relationship Id="rId3" Type="http://schemas.openxmlformats.org/officeDocument/2006/relationships/printerSettings" Target="../printerSettings/printerSettings90.bin"/><Relationship Id="rId7" Type="http://schemas.openxmlformats.org/officeDocument/2006/relationships/printerSettings" Target="../printerSettings/printerSettings94.bin"/><Relationship Id="rId2" Type="http://schemas.openxmlformats.org/officeDocument/2006/relationships/printerSettings" Target="../printerSettings/printerSettings89.bin"/><Relationship Id="rId1" Type="http://schemas.openxmlformats.org/officeDocument/2006/relationships/printerSettings" Target="../printerSettings/printerSettings88.bin"/><Relationship Id="rId6" Type="http://schemas.openxmlformats.org/officeDocument/2006/relationships/printerSettings" Target="../printerSettings/printerSettings93.bin"/><Relationship Id="rId11" Type="http://schemas.openxmlformats.org/officeDocument/2006/relationships/drawing" Target="../drawings/drawing10.xml"/><Relationship Id="rId5" Type="http://schemas.openxmlformats.org/officeDocument/2006/relationships/printerSettings" Target="../printerSettings/printerSettings92.bin"/><Relationship Id="rId10" Type="http://schemas.openxmlformats.org/officeDocument/2006/relationships/printerSettings" Target="../printerSettings/printerSettings97.bin"/><Relationship Id="rId4" Type="http://schemas.openxmlformats.org/officeDocument/2006/relationships/printerSettings" Target="../printerSettings/printerSettings91.bin"/><Relationship Id="rId9" Type="http://schemas.openxmlformats.org/officeDocument/2006/relationships/printerSettings" Target="../printerSettings/printerSettings96.bin"/></Relationships>
</file>

<file path=xl/worksheets/_rels/sheet11.xml.rels><?xml version="1.0" encoding="UTF-8" standalone="yes"?>
<Relationships xmlns="http://schemas.openxmlformats.org/package/2006/relationships"><Relationship Id="rId8" Type="http://schemas.openxmlformats.org/officeDocument/2006/relationships/printerSettings" Target="../printerSettings/printerSettings105.bin"/><Relationship Id="rId3" Type="http://schemas.openxmlformats.org/officeDocument/2006/relationships/printerSettings" Target="../printerSettings/printerSettings100.bin"/><Relationship Id="rId7" Type="http://schemas.openxmlformats.org/officeDocument/2006/relationships/printerSettings" Target="../printerSettings/printerSettings104.bin"/><Relationship Id="rId2" Type="http://schemas.openxmlformats.org/officeDocument/2006/relationships/printerSettings" Target="../printerSettings/printerSettings99.bin"/><Relationship Id="rId1" Type="http://schemas.openxmlformats.org/officeDocument/2006/relationships/printerSettings" Target="../printerSettings/printerSettings98.bin"/><Relationship Id="rId6" Type="http://schemas.openxmlformats.org/officeDocument/2006/relationships/printerSettings" Target="../printerSettings/printerSettings103.bin"/><Relationship Id="rId11" Type="http://schemas.openxmlformats.org/officeDocument/2006/relationships/drawing" Target="../drawings/drawing11.xml"/><Relationship Id="rId5" Type="http://schemas.openxmlformats.org/officeDocument/2006/relationships/printerSettings" Target="../printerSettings/printerSettings102.bin"/><Relationship Id="rId10" Type="http://schemas.openxmlformats.org/officeDocument/2006/relationships/printerSettings" Target="../printerSettings/printerSettings107.bin"/><Relationship Id="rId4" Type="http://schemas.openxmlformats.org/officeDocument/2006/relationships/printerSettings" Target="../printerSettings/printerSettings101.bin"/><Relationship Id="rId9" Type="http://schemas.openxmlformats.org/officeDocument/2006/relationships/printerSettings" Target="../printerSettings/printerSettings106.bin"/></Relationships>
</file>

<file path=xl/worksheets/_rels/sheet12.xml.rels><?xml version="1.0" encoding="UTF-8" standalone="yes"?>
<Relationships xmlns="http://schemas.openxmlformats.org/package/2006/relationships"><Relationship Id="rId8" Type="http://schemas.openxmlformats.org/officeDocument/2006/relationships/printerSettings" Target="../printerSettings/printerSettings115.bin"/><Relationship Id="rId3" Type="http://schemas.openxmlformats.org/officeDocument/2006/relationships/printerSettings" Target="../printerSettings/printerSettings110.bin"/><Relationship Id="rId7" Type="http://schemas.openxmlformats.org/officeDocument/2006/relationships/printerSettings" Target="../printerSettings/printerSettings114.bin"/><Relationship Id="rId2" Type="http://schemas.openxmlformats.org/officeDocument/2006/relationships/printerSettings" Target="../printerSettings/printerSettings109.bin"/><Relationship Id="rId1" Type="http://schemas.openxmlformats.org/officeDocument/2006/relationships/printerSettings" Target="../printerSettings/printerSettings108.bin"/><Relationship Id="rId6" Type="http://schemas.openxmlformats.org/officeDocument/2006/relationships/printerSettings" Target="../printerSettings/printerSettings113.bin"/><Relationship Id="rId11" Type="http://schemas.openxmlformats.org/officeDocument/2006/relationships/drawing" Target="../drawings/drawing12.xml"/><Relationship Id="rId5" Type="http://schemas.openxmlformats.org/officeDocument/2006/relationships/printerSettings" Target="../printerSettings/printerSettings112.bin"/><Relationship Id="rId10" Type="http://schemas.openxmlformats.org/officeDocument/2006/relationships/printerSettings" Target="../printerSettings/printerSettings117.bin"/><Relationship Id="rId4" Type="http://schemas.openxmlformats.org/officeDocument/2006/relationships/printerSettings" Target="../printerSettings/printerSettings111.bin"/><Relationship Id="rId9" Type="http://schemas.openxmlformats.org/officeDocument/2006/relationships/printerSettings" Target="../printerSettings/printerSettings116.bin"/></Relationships>
</file>

<file path=xl/worksheets/_rels/sheet13.xml.rels><?xml version="1.0" encoding="UTF-8" standalone="yes"?>
<Relationships xmlns="http://schemas.openxmlformats.org/package/2006/relationships"><Relationship Id="rId8" Type="http://schemas.openxmlformats.org/officeDocument/2006/relationships/printerSettings" Target="../printerSettings/printerSettings125.bin"/><Relationship Id="rId3" Type="http://schemas.openxmlformats.org/officeDocument/2006/relationships/printerSettings" Target="../printerSettings/printerSettings120.bin"/><Relationship Id="rId7" Type="http://schemas.openxmlformats.org/officeDocument/2006/relationships/printerSettings" Target="../printerSettings/printerSettings124.bin"/><Relationship Id="rId2" Type="http://schemas.openxmlformats.org/officeDocument/2006/relationships/printerSettings" Target="../printerSettings/printerSettings119.bin"/><Relationship Id="rId1" Type="http://schemas.openxmlformats.org/officeDocument/2006/relationships/printerSettings" Target="../printerSettings/printerSettings118.bin"/><Relationship Id="rId6" Type="http://schemas.openxmlformats.org/officeDocument/2006/relationships/printerSettings" Target="../printerSettings/printerSettings123.bin"/><Relationship Id="rId5" Type="http://schemas.openxmlformats.org/officeDocument/2006/relationships/printerSettings" Target="../printerSettings/printerSettings122.bin"/><Relationship Id="rId10" Type="http://schemas.openxmlformats.org/officeDocument/2006/relationships/drawing" Target="../drawings/drawing13.xml"/><Relationship Id="rId4" Type="http://schemas.openxmlformats.org/officeDocument/2006/relationships/printerSettings" Target="../printerSettings/printerSettings121.bin"/><Relationship Id="rId9" Type="http://schemas.openxmlformats.org/officeDocument/2006/relationships/printerSettings" Target="../printerSettings/printerSettings126.bin"/></Relationships>
</file>

<file path=xl/worksheets/_rels/sheet14.xml.rels><?xml version="1.0" encoding="UTF-8" standalone="yes"?>
<Relationships xmlns="http://schemas.openxmlformats.org/package/2006/relationships"><Relationship Id="rId8" Type="http://schemas.openxmlformats.org/officeDocument/2006/relationships/printerSettings" Target="../printerSettings/printerSettings134.bin"/><Relationship Id="rId3" Type="http://schemas.openxmlformats.org/officeDocument/2006/relationships/printerSettings" Target="../printerSettings/printerSettings129.bin"/><Relationship Id="rId7" Type="http://schemas.openxmlformats.org/officeDocument/2006/relationships/printerSettings" Target="../printerSettings/printerSettings133.bin"/><Relationship Id="rId2" Type="http://schemas.openxmlformats.org/officeDocument/2006/relationships/printerSettings" Target="../printerSettings/printerSettings128.bin"/><Relationship Id="rId1" Type="http://schemas.openxmlformats.org/officeDocument/2006/relationships/printerSettings" Target="../printerSettings/printerSettings127.bin"/><Relationship Id="rId6" Type="http://schemas.openxmlformats.org/officeDocument/2006/relationships/printerSettings" Target="../printerSettings/printerSettings132.bin"/><Relationship Id="rId11" Type="http://schemas.openxmlformats.org/officeDocument/2006/relationships/drawing" Target="../drawings/drawing14.xml"/><Relationship Id="rId5" Type="http://schemas.openxmlformats.org/officeDocument/2006/relationships/printerSettings" Target="../printerSettings/printerSettings131.bin"/><Relationship Id="rId10" Type="http://schemas.openxmlformats.org/officeDocument/2006/relationships/printerSettings" Target="../printerSettings/printerSettings136.bin"/><Relationship Id="rId4" Type="http://schemas.openxmlformats.org/officeDocument/2006/relationships/printerSettings" Target="../printerSettings/printerSettings130.bin"/><Relationship Id="rId9" Type="http://schemas.openxmlformats.org/officeDocument/2006/relationships/printerSettings" Target="../printerSettings/printerSettings135.bin"/></Relationships>
</file>

<file path=xl/worksheets/_rels/sheet2.xml.rels><?xml version="1.0" encoding="UTF-8" standalone="yes"?>
<Relationships xmlns="http://schemas.openxmlformats.org/package/2006/relationships"><Relationship Id="rId8" Type="http://schemas.openxmlformats.org/officeDocument/2006/relationships/printerSettings" Target="../printerSettings/printerSettings18.bin"/><Relationship Id="rId3" Type="http://schemas.openxmlformats.org/officeDocument/2006/relationships/printerSettings" Target="../printerSettings/printerSettings13.bin"/><Relationship Id="rId7" Type="http://schemas.openxmlformats.org/officeDocument/2006/relationships/printerSettings" Target="../printerSettings/printerSettings17.bin"/><Relationship Id="rId2" Type="http://schemas.openxmlformats.org/officeDocument/2006/relationships/printerSettings" Target="../printerSettings/printerSettings12.bin"/><Relationship Id="rId1" Type="http://schemas.openxmlformats.org/officeDocument/2006/relationships/printerSettings" Target="../printerSettings/printerSettings11.bin"/><Relationship Id="rId6" Type="http://schemas.openxmlformats.org/officeDocument/2006/relationships/printerSettings" Target="../printerSettings/printerSettings16.bin"/><Relationship Id="rId5" Type="http://schemas.openxmlformats.org/officeDocument/2006/relationships/printerSettings" Target="../printerSettings/printerSettings15.bin"/><Relationship Id="rId4" Type="http://schemas.openxmlformats.org/officeDocument/2006/relationships/printerSettings" Target="../printerSettings/printerSettings14.bin"/><Relationship Id="rId9" Type="http://schemas.openxmlformats.org/officeDocument/2006/relationships/drawing" Target="../drawings/drawing2.xml"/></Relationships>
</file>

<file path=xl/worksheets/_rels/sheet3.xml.rels><?xml version="1.0" encoding="UTF-8" standalone="yes"?>
<Relationships xmlns="http://schemas.openxmlformats.org/package/2006/relationships"><Relationship Id="rId8" Type="http://schemas.openxmlformats.org/officeDocument/2006/relationships/printerSettings" Target="../printerSettings/printerSettings26.bin"/><Relationship Id="rId3" Type="http://schemas.openxmlformats.org/officeDocument/2006/relationships/printerSettings" Target="../printerSettings/printerSettings21.bin"/><Relationship Id="rId7" Type="http://schemas.openxmlformats.org/officeDocument/2006/relationships/printerSettings" Target="../printerSettings/printerSettings25.bin"/><Relationship Id="rId2" Type="http://schemas.openxmlformats.org/officeDocument/2006/relationships/printerSettings" Target="../printerSettings/printerSettings20.bin"/><Relationship Id="rId1" Type="http://schemas.openxmlformats.org/officeDocument/2006/relationships/printerSettings" Target="../printerSettings/printerSettings19.bin"/><Relationship Id="rId6" Type="http://schemas.openxmlformats.org/officeDocument/2006/relationships/printerSettings" Target="../printerSettings/printerSettings24.bin"/><Relationship Id="rId11" Type="http://schemas.openxmlformats.org/officeDocument/2006/relationships/drawing" Target="../drawings/drawing3.xml"/><Relationship Id="rId5" Type="http://schemas.openxmlformats.org/officeDocument/2006/relationships/printerSettings" Target="../printerSettings/printerSettings23.bin"/><Relationship Id="rId10" Type="http://schemas.openxmlformats.org/officeDocument/2006/relationships/printerSettings" Target="../printerSettings/printerSettings28.bin"/><Relationship Id="rId4" Type="http://schemas.openxmlformats.org/officeDocument/2006/relationships/printerSettings" Target="../printerSettings/printerSettings22.bin"/><Relationship Id="rId9" Type="http://schemas.openxmlformats.org/officeDocument/2006/relationships/printerSettings" Target="../printerSettings/printerSettings27.bin"/></Relationships>
</file>

<file path=xl/worksheets/_rels/sheet4.xml.rels><?xml version="1.0" encoding="UTF-8" standalone="yes"?>
<Relationships xmlns="http://schemas.openxmlformats.org/package/2006/relationships"><Relationship Id="rId8" Type="http://schemas.openxmlformats.org/officeDocument/2006/relationships/printerSettings" Target="../printerSettings/printerSettings36.bin"/><Relationship Id="rId3" Type="http://schemas.openxmlformats.org/officeDocument/2006/relationships/printerSettings" Target="../printerSettings/printerSettings31.bin"/><Relationship Id="rId7" Type="http://schemas.openxmlformats.org/officeDocument/2006/relationships/printerSettings" Target="../printerSettings/printerSettings35.bin"/><Relationship Id="rId2" Type="http://schemas.openxmlformats.org/officeDocument/2006/relationships/printerSettings" Target="../printerSettings/printerSettings30.bin"/><Relationship Id="rId1" Type="http://schemas.openxmlformats.org/officeDocument/2006/relationships/printerSettings" Target="../printerSettings/printerSettings29.bin"/><Relationship Id="rId6" Type="http://schemas.openxmlformats.org/officeDocument/2006/relationships/printerSettings" Target="../printerSettings/printerSettings34.bin"/><Relationship Id="rId5" Type="http://schemas.openxmlformats.org/officeDocument/2006/relationships/printerSettings" Target="../printerSettings/printerSettings33.bin"/><Relationship Id="rId10" Type="http://schemas.openxmlformats.org/officeDocument/2006/relationships/drawing" Target="../drawings/drawing4.xml"/><Relationship Id="rId4" Type="http://schemas.openxmlformats.org/officeDocument/2006/relationships/printerSettings" Target="../printerSettings/printerSettings32.bin"/><Relationship Id="rId9" Type="http://schemas.openxmlformats.org/officeDocument/2006/relationships/printerSettings" Target="../printerSettings/printerSettings37.bin"/></Relationships>
</file>

<file path=xl/worksheets/_rels/sheet5.xml.rels><?xml version="1.0" encoding="UTF-8" standalone="yes"?>
<Relationships xmlns="http://schemas.openxmlformats.org/package/2006/relationships"><Relationship Id="rId8" Type="http://schemas.openxmlformats.org/officeDocument/2006/relationships/printerSettings" Target="../printerSettings/printerSettings45.bin"/><Relationship Id="rId3" Type="http://schemas.openxmlformats.org/officeDocument/2006/relationships/printerSettings" Target="../printerSettings/printerSettings40.bin"/><Relationship Id="rId7" Type="http://schemas.openxmlformats.org/officeDocument/2006/relationships/printerSettings" Target="../printerSettings/printerSettings44.bin"/><Relationship Id="rId2" Type="http://schemas.openxmlformats.org/officeDocument/2006/relationships/printerSettings" Target="../printerSettings/printerSettings39.bin"/><Relationship Id="rId1" Type="http://schemas.openxmlformats.org/officeDocument/2006/relationships/printerSettings" Target="../printerSettings/printerSettings38.bin"/><Relationship Id="rId6" Type="http://schemas.openxmlformats.org/officeDocument/2006/relationships/printerSettings" Target="../printerSettings/printerSettings43.bin"/><Relationship Id="rId11" Type="http://schemas.openxmlformats.org/officeDocument/2006/relationships/drawing" Target="../drawings/drawing5.xml"/><Relationship Id="rId5" Type="http://schemas.openxmlformats.org/officeDocument/2006/relationships/printerSettings" Target="../printerSettings/printerSettings42.bin"/><Relationship Id="rId10" Type="http://schemas.openxmlformats.org/officeDocument/2006/relationships/printerSettings" Target="../printerSettings/printerSettings47.bin"/><Relationship Id="rId4" Type="http://schemas.openxmlformats.org/officeDocument/2006/relationships/printerSettings" Target="../printerSettings/printerSettings41.bin"/><Relationship Id="rId9" Type="http://schemas.openxmlformats.org/officeDocument/2006/relationships/printerSettings" Target="../printerSettings/printerSettings46.bin"/></Relationships>
</file>

<file path=xl/worksheets/_rels/sheet6.xml.rels><?xml version="1.0" encoding="UTF-8" standalone="yes"?>
<Relationships xmlns="http://schemas.openxmlformats.org/package/2006/relationships"><Relationship Id="rId8" Type="http://schemas.openxmlformats.org/officeDocument/2006/relationships/printerSettings" Target="../printerSettings/printerSettings55.bin"/><Relationship Id="rId3" Type="http://schemas.openxmlformats.org/officeDocument/2006/relationships/printerSettings" Target="../printerSettings/printerSettings50.bin"/><Relationship Id="rId7" Type="http://schemas.openxmlformats.org/officeDocument/2006/relationships/printerSettings" Target="../printerSettings/printerSettings54.bin"/><Relationship Id="rId2" Type="http://schemas.openxmlformats.org/officeDocument/2006/relationships/printerSettings" Target="../printerSettings/printerSettings49.bin"/><Relationship Id="rId1" Type="http://schemas.openxmlformats.org/officeDocument/2006/relationships/printerSettings" Target="../printerSettings/printerSettings48.bin"/><Relationship Id="rId6" Type="http://schemas.openxmlformats.org/officeDocument/2006/relationships/printerSettings" Target="../printerSettings/printerSettings53.bin"/><Relationship Id="rId11" Type="http://schemas.openxmlformats.org/officeDocument/2006/relationships/drawing" Target="../drawings/drawing6.xml"/><Relationship Id="rId5" Type="http://schemas.openxmlformats.org/officeDocument/2006/relationships/printerSettings" Target="../printerSettings/printerSettings52.bin"/><Relationship Id="rId10" Type="http://schemas.openxmlformats.org/officeDocument/2006/relationships/printerSettings" Target="../printerSettings/printerSettings57.bin"/><Relationship Id="rId4" Type="http://schemas.openxmlformats.org/officeDocument/2006/relationships/printerSettings" Target="../printerSettings/printerSettings51.bin"/><Relationship Id="rId9" Type="http://schemas.openxmlformats.org/officeDocument/2006/relationships/printerSettings" Target="../printerSettings/printerSettings56.bin"/></Relationships>
</file>

<file path=xl/worksheets/_rels/sheet7.xml.rels><?xml version="1.0" encoding="UTF-8" standalone="yes"?>
<Relationships xmlns="http://schemas.openxmlformats.org/package/2006/relationships"><Relationship Id="rId8" Type="http://schemas.openxmlformats.org/officeDocument/2006/relationships/printerSettings" Target="../printerSettings/printerSettings65.bin"/><Relationship Id="rId3" Type="http://schemas.openxmlformats.org/officeDocument/2006/relationships/printerSettings" Target="../printerSettings/printerSettings60.bin"/><Relationship Id="rId7" Type="http://schemas.openxmlformats.org/officeDocument/2006/relationships/printerSettings" Target="../printerSettings/printerSettings64.bin"/><Relationship Id="rId2" Type="http://schemas.openxmlformats.org/officeDocument/2006/relationships/printerSettings" Target="../printerSettings/printerSettings59.bin"/><Relationship Id="rId1" Type="http://schemas.openxmlformats.org/officeDocument/2006/relationships/printerSettings" Target="../printerSettings/printerSettings58.bin"/><Relationship Id="rId6" Type="http://schemas.openxmlformats.org/officeDocument/2006/relationships/printerSettings" Target="../printerSettings/printerSettings63.bin"/><Relationship Id="rId11" Type="http://schemas.openxmlformats.org/officeDocument/2006/relationships/drawing" Target="../drawings/drawing7.xml"/><Relationship Id="rId5" Type="http://schemas.openxmlformats.org/officeDocument/2006/relationships/printerSettings" Target="../printerSettings/printerSettings62.bin"/><Relationship Id="rId10" Type="http://schemas.openxmlformats.org/officeDocument/2006/relationships/printerSettings" Target="../printerSettings/printerSettings67.bin"/><Relationship Id="rId4" Type="http://schemas.openxmlformats.org/officeDocument/2006/relationships/printerSettings" Target="../printerSettings/printerSettings61.bin"/><Relationship Id="rId9" Type="http://schemas.openxmlformats.org/officeDocument/2006/relationships/printerSettings" Target="../printerSettings/printerSettings66.bin"/></Relationships>
</file>

<file path=xl/worksheets/_rels/sheet8.xml.rels><?xml version="1.0" encoding="UTF-8" standalone="yes"?>
<Relationships xmlns="http://schemas.openxmlformats.org/package/2006/relationships"><Relationship Id="rId8" Type="http://schemas.openxmlformats.org/officeDocument/2006/relationships/printerSettings" Target="../printerSettings/printerSettings75.bin"/><Relationship Id="rId3" Type="http://schemas.openxmlformats.org/officeDocument/2006/relationships/printerSettings" Target="../printerSettings/printerSettings70.bin"/><Relationship Id="rId7" Type="http://schemas.openxmlformats.org/officeDocument/2006/relationships/printerSettings" Target="../printerSettings/printerSettings74.bin"/><Relationship Id="rId2" Type="http://schemas.openxmlformats.org/officeDocument/2006/relationships/printerSettings" Target="../printerSettings/printerSettings69.bin"/><Relationship Id="rId1" Type="http://schemas.openxmlformats.org/officeDocument/2006/relationships/printerSettings" Target="../printerSettings/printerSettings68.bin"/><Relationship Id="rId6" Type="http://schemas.openxmlformats.org/officeDocument/2006/relationships/printerSettings" Target="../printerSettings/printerSettings73.bin"/><Relationship Id="rId11" Type="http://schemas.openxmlformats.org/officeDocument/2006/relationships/drawing" Target="../drawings/drawing8.xml"/><Relationship Id="rId5" Type="http://schemas.openxmlformats.org/officeDocument/2006/relationships/printerSettings" Target="../printerSettings/printerSettings72.bin"/><Relationship Id="rId10" Type="http://schemas.openxmlformats.org/officeDocument/2006/relationships/printerSettings" Target="../printerSettings/printerSettings77.bin"/><Relationship Id="rId4" Type="http://schemas.openxmlformats.org/officeDocument/2006/relationships/printerSettings" Target="../printerSettings/printerSettings71.bin"/><Relationship Id="rId9" Type="http://schemas.openxmlformats.org/officeDocument/2006/relationships/printerSettings" Target="../printerSettings/printerSettings76.bin"/></Relationships>
</file>

<file path=xl/worksheets/_rels/sheet9.xml.rels><?xml version="1.0" encoding="UTF-8" standalone="yes"?>
<Relationships xmlns="http://schemas.openxmlformats.org/package/2006/relationships"><Relationship Id="rId8" Type="http://schemas.openxmlformats.org/officeDocument/2006/relationships/printerSettings" Target="../printerSettings/printerSettings85.bin"/><Relationship Id="rId3" Type="http://schemas.openxmlformats.org/officeDocument/2006/relationships/printerSettings" Target="../printerSettings/printerSettings80.bin"/><Relationship Id="rId7" Type="http://schemas.openxmlformats.org/officeDocument/2006/relationships/printerSettings" Target="../printerSettings/printerSettings84.bin"/><Relationship Id="rId2" Type="http://schemas.openxmlformats.org/officeDocument/2006/relationships/printerSettings" Target="../printerSettings/printerSettings79.bin"/><Relationship Id="rId1" Type="http://schemas.openxmlformats.org/officeDocument/2006/relationships/printerSettings" Target="../printerSettings/printerSettings78.bin"/><Relationship Id="rId6" Type="http://schemas.openxmlformats.org/officeDocument/2006/relationships/printerSettings" Target="../printerSettings/printerSettings83.bin"/><Relationship Id="rId11" Type="http://schemas.openxmlformats.org/officeDocument/2006/relationships/drawing" Target="../drawings/drawing9.xml"/><Relationship Id="rId5" Type="http://schemas.openxmlformats.org/officeDocument/2006/relationships/printerSettings" Target="../printerSettings/printerSettings82.bin"/><Relationship Id="rId10" Type="http://schemas.openxmlformats.org/officeDocument/2006/relationships/printerSettings" Target="../printerSettings/printerSettings87.bin"/><Relationship Id="rId4" Type="http://schemas.openxmlformats.org/officeDocument/2006/relationships/printerSettings" Target="../printerSettings/printerSettings81.bin"/><Relationship Id="rId9" Type="http://schemas.openxmlformats.org/officeDocument/2006/relationships/printerSettings" Target="../printerSettings/printerSettings8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3">
    <pageSetUpPr fitToPage="1"/>
  </sheetPr>
  <dimension ref="A1:N127"/>
  <sheetViews>
    <sheetView showGridLines="0" zoomScaleNormal="100" workbookViewId="0"/>
  </sheetViews>
  <sheetFormatPr defaultRowHeight="11.25" customHeight="1" x14ac:dyDescent="0.2"/>
  <cols>
    <col min="1" max="1" width="57.42578125" style="45" customWidth="1"/>
    <col min="2" max="3" width="20.28515625" style="45" bestFit="1" customWidth="1"/>
    <col min="4" max="4" width="19.140625" style="45" bestFit="1" customWidth="1"/>
    <col min="5" max="5" width="20.140625" style="45" bestFit="1" customWidth="1"/>
    <col min="6" max="8" width="19.140625" style="45" bestFit="1" customWidth="1"/>
    <col min="9" max="9" width="20.28515625" style="45" bestFit="1" customWidth="1"/>
    <col min="10" max="10" width="18.42578125" style="45" customWidth="1"/>
    <col min="11" max="11" width="7.85546875" style="45" customWidth="1"/>
    <col min="12" max="12" width="20" style="45" customWidth="1"/>
    <col min="13" max="13" width="13.85546875" style="45" customWidth="1"/>
    <col min="14" max="14" width="18.5703125" style="45" customWidth="1"/>
    <col min="15" max="15" width="6.5703125" style="45" customWidth="1"/>
    <col min="16" max="17" width="15.42578125" style="45" customWidth="1"/>
    <col min="18" max="18" width="22" style="45" customWidth="1"/>
    <col min="19" max="19" width="13.42578125" style="45" customWidth="1"/>
    <col min="20" max="16384" width="9.140625" style="45"/>
  </cols>
  <sheetData>
    <row r="1" spans="1:14" s="26" customFormat="1" ht="10.5" x14ac:dyDescent="0.2">
      <c r="A1" s="407"/>
      <c r="B1" s="294"/>
      <c r="C1" s="294"/>
      <c r="D1" s="294"/>
      <c r="E1" s="294"/>
      <c r="F1" s="294"/>
      <c r="G1" s="294"/>
      <c r="H1" s="294"/>
      <c r="I1" s="294"/>
      <c r="J1" s="294"/>
      <c r="K1" s="294"/>
      <c r="L1" s="294"/>
    </row>
    <row r="2" spans="1:14" s="26" customFormat="1" ht="11.25" customHeight="1" x14ac:dyDescent="0.2">
      <c r="A2" s="294"/>
      <c r="B2" s="294"/>
      <c r="C2" s="294"/>
      <c r="D2" s="294"/>
      <c r="E2" s="294"/>
      <c r="F2" s="294"/>
      <c r="G2" s="294"/>
      <c r="H2" s="294"/>
      <c r="I2" s="294"/>
      <c r="J2" s="294"/>
      <c r="K2" s="294"/>
      <c r="L2" s="294"/>
    </row>
    <row r="3" spans="1:14" ht="11.25" customHeight="1" x14ac:dyDescent="0.2">
      <c r="A3" s="720" t="s">
        <v>638</v>
      </c>
      <c r="B3" s="720"/>
      <c r="C3" s="720"/>
      <c r="D3" s="720"/>
      <c r="E3" s="720"/>
      <c r="F3" s="720"/>
      <c r="G3" s="720"/>
      <c r="H3" s="720"/>
      <c r="I3" s="720"/>
      <c r="J3" s="720"/>
      <c r="K3" s="720"/>
      <c r="L3" s="720"/>
    </row>
    <row r="4" spans="1:14" ht="11.25" customHeight="1" x14ac:dyDescent="0.2">
      <c r="A4" s="720" t="s">
        <v>105</v>
      </c>
      <c r="B4" s="720"/>
      <c r="C4" s="720"/>
      <c r="D4" s="720"/>
      <c r="E4" s="720"/>
      <c r="F4" s="720"/>
      <c r="G4" s="720"/>
      <c r="H4" s="720"/>
      <c r="I4" s="720"/>
      <c r="J4" s="720"/>
      <c r="K4" s="720"/>
      <c r="L4" s="720"/>
    </row>
    <row r="5" spans="1:14" ht="11.25" customHeight="1" x14ac:dyDescent="0.2">
      <c r="A5" s="720" t="s">
        <v>106</v>
      </c>
      <c r="B5" s="720"/>
      <c r="C5" s="720"/>
      <c r="D5" s="720"/>
      <c r="E5" s="720"/>
      <c r="F5" s="720"/>
      <c r="G5" s="720"/>
      <c r="H5" s="720"/>
      <c r="I5" s="720"/>
      <c r="J5" s="720"/>
      <c r="K5" s="720"/>
      <c r="L5" s="720"/>
    </row>
    <row r="6" spans="1:14" ht="11.25" customHeight="1" x14ac:dyDescent="0.2">
      <c r="A6" s="720" t="s">
        <v>107</v>
      </c>
      <c r="B6" s="720"/>
      <c r="C6" s="720"/>
      <c r="D6" s="720"/>
      <c r="E6" s="720"/>
      <c r="F6" s="720"/>
      <c r="G6" s="720"/>
      <c r="H6" s="720"/>
      <c r="I6" s="720"/>
      <c r="J6" s="720"/>
      <c r="K6" s="720"/>
      <c r="L6" s="720"/>
    </row>
    <row r="7" spans="1:14" ht="11.25" customHeight="1" x14ac:dyDescent="0.2">
      <c r="A7" s="720" t="s">
        <v>891</v>
      </c>
      <c r="B7" s="720"/>
      <c r="C7" s="720"/>
      <c r="D7" s="720"/>
      <c r="E7" s="720"/>
      <c r="F7" s="720"/>
      <c r="G7" s="720"/>
      <c r="H7" s="720"/>
      <c r="I7" s="720"/>
      <c r="J7" s="720"/>
      <c r="K7" s="720"/>
      <c r="L7" s="720"/>
    </row>
    <row r="8" spans="1:14" s="26" customFormat="1" ht="11.25" customHeight="1" x14ac:dyDescent="0.2">
      <c r="A8" s="46"/>
      <c r="B8" s="46"/>
      <c r="C8" s="46"/>
      <c r="D8" s="331"/>
      <c r="E8" s="331"/>
      <c r="F8" s="46"/>
      <c r="G8" s="46"/>
      <c r="H8" s="46"/>
      <c r="I8" s="46"/>
      <c r="J8" s="46"/>
      <c r="K8" s="46"/>
    </row>
    <row r="9" spans="1:14" s="26" customFormat="1" ht="11.25" customHeight="1" x14ac:dyDescent="0.2">
      <c r="A9" s="26" t="s">
        <v>358</v>
      </c>
      <c r="B9" s="112"/>
      <c r="D9" s="303"/>
      <c r="E9" s="303"/>
      <c r="H9" s="131"/>
      <c r="I9" s="46"/>
      <c r="J9" s="131"/>
      <c r="L9" s="618">
        <v>1</v>
      </c>
    </row>
    <row r="10" spans="1:14" ht="15" customHeight="1" x14ac:dyDescent="0.2">
      <c r="A10" s="724" t="s">
        <v>850</v>
      </c>
      <c r="B10" s="725" t="s">
        <v>426</v>
      </c>
      <c r="C10" s="733"/>
      <c r="D10" s="725" t="s">
        <v>235</v>
      </c>
      <c r="E10" s="726"/>
      <c r="F10" s="729" t="s">
        <v>109</v>
      </c>
      <c r="G10" s="730"/>
      <c r="H10" s="730"/>
      <c r="I10" s="730"/>
      <c r="J10" s="730"/>
      <c r="K10" s="731"/>
      <c r="L10" s="723" t="s">
        <v>161</v>
      </c>
    </row>
    <row r="11" spans="1:14" ht="15" customHeight="1" x14ac:dyDescent="0.2">
      <c r="A11" s="738"/>
      <c r="B11" s="734"/>
      <c r="C11" s="735"/>
      <c r="D11" s="727"/>
      <c r="E11" s="728"/>
      <c r="F11" s="723" t="s">
        <v>113</v>
      </c>
      <c r="G11" s="724"/>
      <c r="H11" s="47" t="s">
        <v>114</v>
      </c>
      <c r="I11" s="723" t="s">
        <v>115</v>
      </c>
      <c r="J11" s="724"/>
      <c r="K11" s="48" t="s">
        <v>114</v>
      </c>
      <c r="L11" s="732"/>
    </row>
    <row r="12" spans="1:14" ht="15" customHeight="1" x14ac:dyDescent="0.2">
      <c r="A12" s="739"/>
      <c r="B12" s="736"/>
      <c r="C12" s="737"/>
      <c r="D12" s="721" t="s">
        <v>116</v>
      </c>
      <c r="E12" s="722"/>
      <c r="F12" s="721" t="s">
        <v>117</v>
      </c>
      <c r="G12" s="722"/>
      <c r="H12" s="394" t="s">
        <v>118</v>
      </c>
      <c r="I12" s="721" t="s">
        <v>152</v>
      </c>
      <c r="J12" s="722"/>
      <c r="K12" s="395" t="s">
        <v>153</v>
      </c>
      <c r="L12" s="395" t="s">
        <v>154</v>
      </c>
    </row>
    <row r="13" spans="1:14" ht="10.5" x14ac:dyDescent="0.2">
      <c r="A13" s="145" t="s">
        <v>359</v>
      </c>
      <c r="B13" s="718">
        <v>12847593800</v>
      </c>
      <c r="C13" s="719"/>
      <c r="D13" s="718">
        <v>12937933183.689999</v>
      </c>
      <c r="E13" s="719"/>
      <c r="F13" s="718">
        <v>1683974538.0999999</v>
      </c>
      <c r="G13" s="719"/>
      <c r="H13" s="423">
        <v>13.015792508674229</v>
      </c>
      <c r="I13" s="718">
        <v>6879774076.4299994</v>
      </c>
      <c r="J13" s="719"/>
      <c r="K13" s="423">
        <v>53.175217237192705</v>
      </c>
      <c r="L13" s="424">
        <v>6058159107.2600002</v>
      </c>
    </row>
    <row r="14" spans="1:14" ht="10.5" x14ac:dyDescent="0.2">
      <c r="A14" s="146" t="s">
        <v>8</v>
      </c>
      <c r="B14" s="716">
        <v>11938933900</v>
      </c>
      <c r="C14" s="717"/>
      <c r="D14" s="716">
        <v>12020941201.459999</v>
      </c>
      <c r="E14" s="717"/>
      <c r="F14" s="716">
        <v>1565761310.02</v>
      </c>
      <c r="G14" s="717"/>
      <c r="H14" s="423">
        <v>13.025280498251094</v>
      </c>
      <c r="I14" s="716">
        <v>6468310270.4799995</v>
      </c>
      <c r="J14" s="717"/>
      <c r="K14" s="423">
        <v>53.808684046257483</v>
      </c>
      <c r="L14" s="424">
        <v>5552630930.9800005</v>
      </c>
    </row>
    <row r="15" spans="1:14" ht="10.5" x14ac:dyDescent="0.2">
      <c r="A15" s="146" t="s">
        <v>9</v>
      </c>
      <c r="B15" s="704">
        <v>7816598300</v>
      </c>
      <c r="C15" s="705"/>
      <c r="D15" s="704">
        <v>7816598300</v>
      </c>
      <c r="E15" s="705"/>
      <c r="F15" s="704">
        <v>902433071.28999996</v>
      </c>
      <c r="G15" s="705"/>
      <c r="H15" s="425">
        <v>11.545086963084696</v>
      </c>
      <c r="I15" s="704">
        <v>3755425939.9099998</v>
      </c>
      <c r="J15" s="705"/>
      <c r="K15" s="425">
        <v>48.044248863473001</v>
      </c>
      <c r="L15" s="426">
        <v>4061172360.0900002</v>
      </c>
      <c r="M15" s="28"/>
      <c r="N15" s="56"/>
    </row>
    <row r="16" spans="1:14" ht="10.5" x14ac:dyDescent="0.2">
      <c r="A16" s="29" t="s">
        <v>10</v>
      </c>
      <c r="B16" s="704">
        <v>7543984100</v>
      </c>
      <c r="C16" s="705"/>
      <c r="D16" s="704">
        <v>7543984100</v>
      </c>
      <c r="E16" s="705"/>
      <c r="F16" s="704">
        <v>850599022.31999993</v>
      </c>
      <c r="G16" s="705"/>
      <c r="H16" s="425">
        <v>11.275196382240518</v>
      </c>
      <c r="I16" s="704">
        <v>3606161582.54</v>
      </c>
      <c r="J16" s="705"/>
      <c r="K16" s="425">
        <v>47.801818438880325</v>
      </c>
      <c r="L16" s="426">
        <v>3937822517.46</v>
      </c>
    </row>
    <row r="17" spans="1:14" ht="10.5" x14ac:dyDescent="0.2">
      <c r="A17" s="29" t="s">
        <v>11</v>
      </c>
      <c r="B17" s="704">
        <v>272614200</v>
      </c>
      <c r="C17" s="705"/>
      <c r="D17" s="704">
        <v>272614200</v>
      </c>
      <c r="E17" s="705"/>
      <c r="F17" s="704">
        <v>51834048.969999999</v>
      </c>
      <c r="G17" s="705"/>
      <c r="H17" s="425">
        <v>19.013701036116242</v>
      </c>
      <c r="I17" s="704">
        <v>149264357.37</v>
      </c>
      <c r="J17" s="705"/>
      <c r="K17" s="425">
        <v>54.752964948267561</v>
      </c>
      <c r="L17" s="426">
        <v>123349842.63</v>
      </c>
    </row>
    <row r="18" spans="1:14" ht="10.5" x14ac:dyDescent="0.2">
      <c r="A18" s="29" t="s">
        <v>12</v>
      </c>
      <c r="B18" s="704">
        <v>0</v>
      </c>
      <c r="C18" s="705"/>
      <c r="D18" s="704">
        <v>0</v>
      </c>
      <c r="E18" s="705"/>
      <c r="F18" s="704">
        <v>0</v>
      </c>
      <c r="G18" s="705"/>
      <c r="H18" s="425">
        <v>0</v>
      </c>
      <c r="I18" s="704">
        <v>0</v>
      </c>
      <c r="J18" s="705"/>
      <c r="K18" s="425">
        <v>0</v>
      </c>
      <c r="L18" s="426">
        <v>0</v>
      </c>
    </row>
    <row r="19" spans="1:14" ht="10.5" x14ac:dyDescent="0.2">
      <c r="A19" s="146" t="s">
        <v>13</v>
      </c>
      <c r="B19" s="704">
        <v>411000000</v>
      </c>
      <c r="C19" s="705"/>
      <c r="D19" s="704">
        <v>411000000</v>
      </c>
      <c r="E19" s="705"/>
      <c r="F19" s="704">
        <v>61321043.439999998</v>
      </c>
      <c r="G19" s="705"/>
      <c r="H19" s="425">
        <v>14.919961907542579</v>
      </c>
      <c r="I19" s="704">
        <v>263978048.72999999</v>
      </c>
      <c r="J19" s="705"/>
      <c r="K19" s="425">
        <v>64.228235700729925</v>
      </c>
      <c r="L19" s="426">
        <v>147021951.27000001</v>
      </c>
      <c r="M19" s="56"/>
      <c r="N19" s="56"/>
    </row>
    <row r="20" spans="1:14" ht="10.5" x14ac:dyDescent="0.2">
      <c r="A20" s="29" t="s">
        <v>14</v>
      </c>
      <c r="B20" s="704">
        <v>411000000</v>
      </c>
      <c r="C20" s="705"/>
      <c r="D20" s="704">
        <v>411000000</v>
      </c>
      <c r="E20" s="705"/>
      <c r="F20" s="704">
        <v>61321043.439999998</v>
      </c>
      <c r="G20" s="705"/>
      <c r="H20" s="425">
        <v>14.919961907542579</v>
      </c>
      <c r="I20" s="704">
        <v>263978048.72999999</v>
      </c>
      <c r="J20" s="705"/>
      <c r="K20" s="425">
        <v>64.228235700729925</v>
      </c>
      <c r="L20" s="426">
        <v>147021951.27000001</v>
      </c>
    </row>
    <row r="21" spans="1:14" ht="10.5" x14ac:dyDescent="0.2">
      <c r="A21" s="29" t="s">
        <v>356</v>
      </c>
      <c r="B21" s="704">
        <v>0</v>
      </c>
      <c r="C21" s="705"/>
      <c r="D21" s="704">
        <v>0</v>
      </c>
      <c r="E21" s="705"/>
      <c r="F21" s="704">
        <v>0</v>
      </c>
      <c r="G21" s="705"/>
      <c r="H21" s="425">
        <v>0</v>
      </c>
      <c r="I21" s="704">
        <v>0</v>
      </c>
      <c r="J21" s="705"/>
      <c r="K21" s="425">
        <v>0</v>
      </c>
      <c r="L21" s="426">
        <v>0</v>
      </c>
    </row>
    <row r="22" spans="1:14" ht="10.5" x14ac:dyDescent="0.2">
      <c r="A22" s="29" t="s">
        <v>357</v>
      </c>
      <c r="B22" s="704">
        <v>0</v>
      </c>
      <c r="C22" s="705"/>
      <c r="D22" s="704">
        <v>0</v>
      </c>
      <c r="E22" s="705"/>
      <c r="F22" s="704">
        <v>0</v>
      </c>
      <c r="G22" s="705"/>
      <c r="H22" s="425">
        <v>0</v>
      </c>
      <c r="I22" s="704">
        <v>0</v>
      </c>
      <c r="J22" s="705"/>
      <c r="K22" s="425">
        <v>0</v>
      </c>
      <c r="L22" s="426">
        <v>0</v>
      </c>
    </row>
    <row r="23" spans="1:14" ht="10.5" x14ac:dyDescent="0.2">
      <c r="A23" s="146" t="s">
        <v>15</v>
      </c>
      <c r="B23" s="704">
        <v>128398100</v>
      </c>
      <c r="C23" s="705"/>
      <c r="D23" s="704">
        <v>210405401.46000001</v>
      </c>
      <c r="E23" s="705"/>
      <c r="F23" s="704">
        <v>44111956.5</v>
      </c>
      <c r="G23" s="705"/>
      <c r="H23" s="425">
        <v>20.965220566538587</v>
      </c>
      <c r="I23" s="704">
        <v>178079497.66</v>
      </c>
      <c r="J23" s="705"/>
      <c r="K23" s="425">
        <v>84.636371701633593</v>
      </c>
      <c r="L23" s="426">
        <v>32325903.800000001</v>
      </c>
    </row>
    <row r="24" spans="1:14" ht="10.5" x14ac:dyDescent="0.2">
      <c r="A24" s="29" t="s">
        <v>16</v>
      </c>
      <c r="B24" s="704">
        <v>1176900</v>
      </c>
      <c r="C24" s="705"/>
      <c r="D24" s="704">
        <v>1176900</v>
      </c>
      <c r="E24" s="705"/>
      <c r="F24" s="704">
        <v>203887.41</v>
      </c>
      <c r="G24" s="705"/>
      <c r="H24" s="425">
        <v>17.324106551108844</v>
      </c>
      <c r="I24" s="704">
        <v>728951.01</v>
      </c>
      <c r="J24" s="705"/>
      <c r="K24" s="425">
        <v>61.938228396635232</v>
      </c>
      <c r="L24" s="426">
        <v>447948.99</v>
      </c>
    </row>
    <row r="25" spans="1:14" ht="10.5" x14ac:dyDescent="0.2">
      <c r="A25" s="29" t="s">
        <v>17</v>
      </c>
      <c r="B25" s="704">
        <v>84989500</v>
      </c>
      <c r="C25" s="705"/>
      <c r="D25" s="704">
        <v>150643763.58000001</v>
      </c>
      <c r="E25" s="705"/>
      <c r="F25" s="704">
        <v>34673207.049999997</v>
      </c>
      <c r="G25" s="705"/>
      <c r="H25" s="425">
        <v>23.016689324537914</v>
      </c>
      <c r="I25" s="704">
        <v>150643763.58000001</v>
      </c>
      <c r="J25" s="705"/>
      <c r="K25" s="425">
        <v>100</v>
      </c>
      <c r="L25" s="426">
        <v>0</v>
      </c>
    </row>
    <row r="26" spans="1:14" ht="10.5" x14ac:dyDescent="0.2">
      <c r="A26" s="29" t="s">
        <v>18</v>
      </c>
      <c r="B26" s="704">
        <v>2614300</v>
      </c>
      <c r="C26" s="705"/>
      <c r="D26" s="704">
        <v>2614300</v>
      </c>
      <c r="E26" s="705"/>
      <c r="F26" s="704">
        <v>943239.45</v>
      </c>
      <c r="G26" s="705"/>
      <c r="H26" s="425">
        <v>36.080000382511571</v>
      </c>
      <c r="I26" s="704">
        <v>1435247.71</v>
      </c>
      <c r="J26" s="705"/>
      <c r="K26" s="425">
        <v>54.899885629040277</v>
      </c>
      <c r="L26" s="426">
        <v>1179052.29</v>
      </c>
    </row>
    <row r="27" spans="1:14" ht="10.5" x14ac:dyDescent="0.2">
      <c r="A27" s="29" t="s">
        <v>119</v>
      </c>
      <c r="B27" s="704">
        <v>39617400</v>
      </c>
      <c r="C27" s="705"/>
      <c r="D27" s="704">
        <v>39617400</v>
      </c>
      <c r="E27" s="705"/>
      <c r="F27" s="704">
        <v>5223286.03</v>
      </c>
      <c r="G27" s="705"/>
      <c r="H27" s="425">
        <v>13.184323125697295</v>
      </c>
      <c r="I27" s="704">
        <v>8918497.4800000004</v>
      </c>
      <c r="J27" s="705"/>
      <c r="K27" s="425">
        <v>22.511566836793936</v>
      </c>
      <c r="L27" s="426">
        <v>30698902.52</v>
      </c>
    </row>
    <row r="28" spans="1:14" ht="21" x14ac:dyDescent="0.2">
      <c r="A28" s="50" t="s">
        <v>369</v>
      </c>
      <c r="B28" s="704">
        <v>0</v>
      </c>
      <c r="C28" s="705"/>
      <c r="D28" s="704">
        <v>0</v>
      </c>
      <c r="E28" s="705"/>
      <c r="F28" s="704">
        <v>0</v>
      </c>
      <c r="G28" s="705"/>
      <c r="H28" s="425">
        <v>0</v>
      </c>
      <c r="I28" s="704">
        <v>0</v>
      </c>
      <c r="J28" s="705"/>
      <c r="K28" s="425">
        <v>0</v>
      </c>
      <c r="L28" s="426">
        <v>0</v>
      </c>
    </row>
    <row r="29" spans="1:14" ht="10.5" x14ac:dyDescent="0.2">
      <c r="A29" s="50" t="s">
        <v>370</v>
      </c>
      <c r="B29" s="704">
        <v>0</v>
      </c>
      <c r="C29" s="705"/>
      <c r="D29" s="704">
        <v>16353037.880000001</v>
      </c>
      <c r="E29" s="705"/>
      <c r="F29" s="704">
        <v>3068336.56</v>
      </c>
      <c r="G29" s="705"/>
      <c r="H29" s="425">
        <v>0</v>
      </c>
      <c r="I29" s="704">
        <v>16353037.880000001</v>
      </c>
      <c r="J29" s="705"/>
      <c r="K29" s="425">
        <v>0</v>
      </c>
      <c r="L29" s="426">
        <v>0</v>
      </c>
    </row>
    <row r="30" spans="1:14" ht="10.5" x14ac:dyDescent="0.2">
      <c r="A30" s="29" t="s">
        <v>19</v>
      </c>
      <c r="B30" s="704">
        <v>0</v>
      </c>
      <c r="C30" s="705"/>
      <c r="D30" s="704">
        <v>0</v>
      </c>
      <c r="E30" s="705"/>
      <c r="F30" s="704">
        <v>0</v>
      </c>
      <c r="G30" s="705"/>
      <c r="H30" s="425">
        <v>0</v>
      </c>
      <c r="I30" s="704">
        <v>0</v>
      </c>
      <c r="J30" s="705"/>
      <c r="K30" s="425">
        <v>0</v>
      </c>
      <c r="L30" s="426">
        <v>0</v>
      </c>
    </row>
    <row r="31" spans="1:14" ht="10.5" x14ac:dyDescent="0.2">
      <c r="A31" s="146" t="s">
        <v>20</v>
      </c>
      <c r="B31" s="704">
        <v>0</v>
      </c>
      <c r="C31" s="705"/>
      <c r="D31" s="704">
        <v>0</v>
      </c>
      <c r="E31" s="705"/>
      <c r="F31" s="704">
        <v>0</v>
      </c>
      <c r="G31" s="705"/>
      <c r="H31" s="425">
        <v>0</v>
      </c>
      <c r="I31" s="704">
        <v>0</v>
      </c>
      <c r="J31" s="705"/>
      <c r="K31" s="425">
        <v>0</v>
      </c>
      <c r="L31" s="426">
        <v>0</v>
      </c>
    </row>
    <row r="32" spans="1:14" ht="10.5" x14ac:dyDescent="0.2">
      <c r="A32" s="29" t="s">
        <v>21</v>
      </c>
      <c r="B32" s="704">
        <v>0</v>
      </c>
      <c r="C32" s="705"/>
      <c r="D32" s="704">
        <v>0</v>
      </c>
      <c r="E32" s="705"/>
      <c r="F32" s="704">
        <v>0</v>
      </c>
      <c r="G32" s="705"/>
      <c r="H32" s="425">
        <v>0</v>
      </c>
      <c r="I32" s="704">
        <v>0</v>
      </c>
      <c r="J32" s="705"/>
      <c r="K32" s="425">
        <v>0</v>
      </c>
      <c r="L32" s="426">
        <v>0</v>
      </c>
    </row>
    <row r="33" spans="1:14" ht="10.5" x14ac:dyDescent="0.2">
      <c r="A33" s="29" t="s">
        <v>22</v>
      </c>
      <c r="B33" s="704">
        <v>0</v>
      </c>
      <c r="C33" s="705"/>
      <c r="D33" s="704">
        <v>0</v>
      </c>
      <c r="E33" s="705"/>
      <c r="F33" s="704">
        <v>0</v>
      </c>
      <c r="G33" s="705"/>
      <c r="H33" s="425">
        <v>0</v>
      </c>
      <c r="I33" s="704">
        <v>0</v>
      </c>
      <c r="J33" s="705"/>
      <c r="K33" s="425">
        <v>0</v>
      </c>
      <c r="L33" s="426">
        <v>0</v>
      </c>
    </row>
    <row r="34" spans="1:14" ht="10.5" x14ac:dyDescent="0.2">
      <c r="A34" s="29" t="s">
        <v>23</v>
      </c>
      <c r="B34" s="704">
        <v>0</v>
      </c>
      <c r="C34" s="705"/>
      <c r="D34" s="704">
        <v>0</v>
      </c>
      <c r="E34" s="705"/>
      <c r="F34" s="704">
        <v>0</v>
      </c>
      <c r="G34" s="705"/>
      <c r="H34" s="425">
        <v>0</v>
      </c>
      <c r="I34" s="704">
        <v>0</v>
      </c>
      <c r="J34" s="705"/>
      <c r="K34" s="425">
        <v>0</v>
      </c>
      <c r="L34" s="426">
        <v>0</v>
      </c>
    </row>
    <row r="35" spans="1:14" ht="10.5" x14ac:dyDescent="0.2">
      <c r="A35" s="146" t="s">
        <v>24</v>
      </c>
      <c r="B35" s="704">
        <v>0</v>
      </c>
      <c r="C35" s="705"/>
      <c r="D35" s="704">
        <v>0</v>
      </c>
      <c r="E35" s="705"/>
      <c r="F35" s="704">
        <v>0</v>
      </c>
      <c r="G35" s="705"/>
      <c r="H35" s="425">
        <v>0</v>
      </c>
      <c r="I35" s="704">
        <v>0</v>
      </c>
      <c r="J35" s="705"/>
      <c r="K35" s="425">
        <v>0</v>
      </c>
      <c r="L35" s="426">
        <v>0</v>
      </c>
    </row>
    <row r="36" spans="1:14" ht="10.5" x14ac:dyDescent="0.2">
      <c r="A36" s="29" t="s">
        <v>371</v>
      </c>
      <c r="B36" s="704">
        <v>0</v>
      </c>
      <c r="C36" s="705"/>
      <c r="D36" s="704">
        <v>0</v>
      </c>
      <c r="E36" s="705"/>
      <c r="F36" s="704">
        <v>0</v>
      </c>
      <c r="G36" s="705"/>
      <c r="H36" s="425">
        <v>0</v>
      </c>
      <c r="I36" s="704">
        <v>0</v>
      </c>
      <c r="J36" s="705"/>
      <c r="K36" s="425">
        <v>0</v>
      </c>
      <c r="L36" s="426">
        <v>0</v>
      </c>
    </row>
    <row r="37" spans="1:14" ht="10.5" x14ac:dyDescent="0.2">
      <c r="A37" s="29" t="s">
        <v>25</v>
      </c>
      <c r="B37" s="704">
        <v>0</v>
      </c>
      <c r="C37" s="705"/>
      <c r="D37" s="704">
        <v>0</v>
      </c>
      <c r="E37" s="705"/>
      <c r="F37" s="704">
        <v>0</v>
      </c>
      <c r="G37" s="705"/>
      <c r="H37" s="425">
        <v>0</v>
      </c>
      <c r="I37" s="704">
        <v>0</v>
      </c>
      <c r="J37" s="705"/>
      <c r="K37" s="425">
        <v>0</v>
      </c>
      <c r="L37" s="426">
        <v>0</v>
      </c>
    </row>
    <row r="38" spans="1:14" ht="10.5" x14ac:dyDescent="0.2">
      <c r="A38" s="29" t="s">
        <v>26</v>
      </c>
      <c r="B38" s="704">
        <v>0</v>
      </c>
      <c r="C38" s="705"/>
      <c r="D38" s="704">
        <v>0</v>
      </c>
      <c r="E38" s="705"/>
      <c r="F38" s="704">
        <v>0</v>
      </c>
      <c r="G38" s="705"/>
      <c r="H38" s="425">
        <v>0</v>
      </c>
      <c r="I38" s="704">
        <v>0</v>
      </c>
      <c r="J38" s="705"/>
      <c r="K38" s="425">
        <v>0</v>
      </c>
      <c r="L38" s="426">
        <v>0</v>
      </c>
    </row>
    <row r="39" spans="1:14" ht="10.5" x14ac:dyDescent="0.2">
      <c r="A39" s="51" t="s">
        <v>27</v>
      </c>
      <c r="B39" s="704">
        <v>0</v>
      </c>
      <c r="C39" s="705"/>
      <c r="D39" s="704">
        <v>0</v>
      </c>
      <c r="E39" s="705"/>
      <c r="F39" s="704">
        <v>0</v>
      </c>
      <c r="G39" s="705"/>
      <c r="H39" s="425">
        <v>0</v>
      </c>
      <c r="I39" s="704">
        <v>0</v>
      </c>
      <c r="J39" s="705"/>
      <c r="K39" s="425">
        <v>0</v>
      </c>
      <c r="L39" s="426">
        <v>0</v>
      </c>
    </row>
    <row r="40" spans="1:14" ht="10.5" x14ac:dyDescent="0.2">
      <c r="A40" s="146" t="s">
        <v>28</v>
      </c>
      <c r="B40" s="704">
        <v>530646800</v>
      </c>
      <c r="C40" s="705"/>
      <c r="D40" s="704">
        <v>530646800</v>
      </c>
      <c r="E40" s="705"/>
      <c r="F40" s="704">
        <v>106762769.05</v>
      </c>
      <c r="G40" s="705"/>
      <c r="H40" s="425">
        <v>20.119365470591738</v>
      </c>
      <c r="I40" s="704">
        <v>346999201.25</v>
      </c>
      <c r="J40" s="705"/>
      <c r="K40" s="425">
        <v>65.391744800873198</v>
      </c>
      <c r="L40" s="426">
        <v>183647598.75</v>
      </c>
    </row>
    <row r="41" spans="1:14" ht="10.5" x14ac:dyDescent="0.2">
      <c r="A41" s="146" t="s">
        <v>29</v>
      </c>
      <c r="B41" s="704">
        <v>2843659400</v>
      </c>
      <c r="C41" s="705"/>
      <c r="D41" s="704">
        <v>2843659400</v>
      </c>
      <c r="E41" s="705"/>
      <c r="F41" s="704">
        <v>422569230.98999995</v>
      </c>
      <c r="G41" s="705"/>
      <c r="H41" s="425">
        <v>14.860050784914675</v>
      </c>
      <c r="I41" s="704">
        <v>1824534567.7300003</v>
      </c>
      <c r="J41" s="705"/>
      <c r="K41" s="425">
        <v>64.161501469901779</v>
      </c>
      <c r="L41" s="426">
        <v>1019124832.27</v>
      </c>
      <c r="M41" s="56"/>
      <c r="N41" s="56"/>
    </row>
    <row r="42" spans="1:14" ht="10.5" x14ac:dyDescent="0.2">
      <c r="A42" s="29" t="s">
        <v>30</v>
      </c>
      <c r="B42" s="704">
        <v>2270031000</v>
      </c>
      <c r="C42" s="705"/>
      <c r="D42" s="704">
        <v>2270031000</v>
      </c>
      <c r="E42" s="705"/>
      <c r="F42" s="704">
        <v>306374865.39999998</v>
      </c>
      <c r="G42" s="705"/>
      <c r="H42" s="425">
        <v>13.496505792211646</v>
      </c>
      <c r="I42" s="704">
        <v>1427394684.74</v>
      </c>
      <c r="J42" s="705"/>
      <c r="K42" s="425">
        <v>62.879964403129293</v>
      </c>
      <c r="L42" s="426">
        <v>842636315.25999999</v>
      </c>
    </row>
    <row r="43" spans="1:14" ht="10.5" x14ac:dyDescent="0.2">
      <c r="A43" s="29" t="s">
        <v>31</v>
      </c>
      <c r="B43" s="704">
        <v>409876700</v>
      </c>
      <c r="C43" s="705"/>
      <c r="D43" s="704">
        <v>409876700</v>
      </c>
      <c r="E43" s="705"/>
      <c r="F43" s="704">
        <v>113199735.76000001</v>
      </c>
      <c r="G43" s="705"/>
      <c r="H43" s="425">
        <v>27.617997256248039</v>
      </c>
      <c r="I43" s="704">
        <v>382973109.10000002</v>
      </c>
      <c r="J43" s="705"/>
      <c r="K43" s="425">
        <v>93.436174610559718</v>
      </c>
      <c r="L43" s="426">
        <v>26903590.899999976</v>
      </c>
    </row>
    <row r="44" spans="1:14" ht="10.5" x14ac:dyDescent="0.2">
      <c r="A44" s="29" t="s">
        <v>32</v>
      </c>
      <c r="B44" s="704">
        <v>0</v>
      </c>
      <c r="C44" s="705"/>
      <c r="D44" s="704">
        <v>0</v>
      </c>
      <c r="E44" s="705"/>
      <c r="F44" s="704">
        <v>0</v>
      </c>
      <c r="G44" s="705"/>
      <c r="H44" s="425">
        <v>0</v>
      </c>
      <c r="I44" s="704">
        <v>0</v>
      </c>
      <c r="J44" s="705"/>
      <c r="K44" s="425">
        <v>0</v>
      </c>
      <c r="L44" s="426">
        <v>0</v>
      </c>
    </row>
    <row r="45" spans="1:14" ht="10.5" x14ac:dyDescent="0.2">
      <c r="A45" s="29" t="s">
        <v>33</v>
      </c>
      <c r="B45" s="704">
        <v>100000</v>
      </c>
      <c r="C45" s="705"/>
      <c r="D45" s="704">
        <v>100000</v>
      </c>
      <c r="E45" s="705"/>
      <c r="F45" s="704">
        <v>0</v>
      </c>
      <c r="G45" s="705"/>
      <c r="H45" s="425">
        <v>0</v>
      </c>
      <c r="I45" s="704">
        <v>0</v>
      </c>
      <c r="J45" s="705"/>
      <c r="K45" s="425">
        <v>0</v>
      </c>
      <c r="L45" s="426">
        <v>100000</v>
      </c>
    </row>
    <row r="46" spans="1:14" ht="10.5" x14ac:dyDescent="0.2">
      <c r="A46" s="29" t="s">
        <v>34</v>
      </c>
      <c r="B46" s="704">
        <v>163651700</v>
      </c>
      <c r="C46" s="705"/>
      <c r="D46" s="704">
        <v>163651700</v>
      </c>
      <c r="E46" s="705"/>
      <c r="F46" s="704">
        <v>2994629.83</v>
      </c>
      <c r="G46" s="705"/>
      <c r="H46" s="425">
        <v>1.829880062351934</v>
      </c>
      <c r="I46" s="704">
        <v>14166773.890000001</v>
      </c>
      <c r="J46" s="705"/>
      <c r="K46" s="425">
        <v>8.6566616112145489</v>
      </c>
      <c r="L46" s="426">
        <v>149484926.11000001</v>
      </c>
    </row>
    <row r="47" spans="1:14" ht="10.5" x14ac:dyDescent="0.2">
      <c r="A47" s="52" t="s">
        <v>35</v>
      </c>
      <c r="B47" s="704">
        <v>0</v>
      </c>
      <c r="C47" s="705"/>
      <c r="D47" s="704">
        <v>0</v>
      </c>
      <c r="E47" s="705"/>
      <c r="F47" s="704">
        <v>0</v>
      </c>
      <c r="G47" s="705"/>
      <c r="H47" s="425">
        <v>0</v>
      </c>
      <c r="I47" s="704">
        <v>0</v>
      </c>
      <c r="J47" s="705"/>
      <c r="K47" s="425">
        <v>0</v>
      </c>
      <c r="L47" s="426">
        <v>0</v>
      </c>
    </row>
    <row r="48" spans="1:14" ht="10.5" x14ac:dyDescent="0.2">
      <c r="A48" s="146" t="s">
        <v>36</v>
      </c>
      <c r="B48" s="704">
        <v>208631300</v>
      </c>
      <c r="C48" s="705"/>
      <c r="D48" s="704">
        <v>208631300</v>
      </c>
      <c r="E48" s="705"/>
      <c r="F48" s="704">
        <v>28563238.75</v>
      </c>
      <c r="G48" s="705"/>
      <c r="H48" s="425">
        <v>13.690773508097779</v>
      </c>
      <c r="I48" s="704">
        <v>99293015.200000003</v>
      </c>
      <c r="J48" s="705"/>
      <c r="K48" s="425">
        <v>47.592578486545406</v>
      </c>
      <c r="L48" s="426">
        <v>109338284.8</v>
      </c>
    </row>
    <row r="49" spans="1:14" ht="10.5" x14ac:dyDescent="0.2">
      <c r="A49" s="29" t="s">
        <v>37</v>
      </c>
      <c r="B49" s="704">
        <v>81916100</v>
      </c>
      <c r="C49" s="705"/>
      <c r="D49" s="704">
        <v>81916100</v>
      </c>
      <c r="E49" s="705"/>
      <c r="F49" s="704">
        <v>21674943.41</v>
      </c>
      <c r="G49" s="705"/>
      <c r="H49" s="425">
        <v>26.459930843875622</v>
      </c>
      <c r="I49" s="704">
        <v>63065344.140000001</v>
      </c>
      <c r="J49" s="705"/>
      <c r="K49" s="425">
        <v>76.987727858137774</v>
      </c>
      <c r="L49" s="426">
        <v>18850755.859999999</v>
      </c>
    </row>
    <row r="50" spans="1:14" ht="10.5" x14ac:dyDescent="0.2">
      <c r="A50" s="29" t="s">
        <v>38</v>
      </c>
      <c r="B50" s="704">
        <v>64857700</v>
      </c>
      <c r="C50" s="705"/>
      <c r="D50" s="704">
        <v>64857700</v>
      </c>
      <c r="E50" s="705"/>
      <c r="F50" s="704">
        <v>3711858.49</v>
      </c>
      <c r="G50" s="705"/>
      <c r="H50" s="425">
        <v>5.7230806673687171</v>
      </c>
      <c r="I50" s="704">
        <v>23710404.760000002</v>
      </c>
      <c r="J50" s="705"/>
      <c r="K50" s="425">
        <v>36.557578760887296</v>
      </c>
      <c r="L50" s="426">
        <v>41147295.239999995</v>
      </c>
    </row>
    <row r="51" spans="1:14" ht="10.5" x14ac:dyDescent="0.2">
      <c r="A51" s="29" t="s">
        <v>39</v>
      </c>
      <c r="B51" s="704">
        <v>18075800</v>
      </c>
      <c r="C51" s="705"/>
      <c r="D51" s="704">
        <v>18075800</v>
      </c>
      <c r="E51" s="705"/>
      <c r="F51" s="704">
        <v>2188183.67</v>
      </c>
      <c r="G51" s="705"/>
      <c r="H51" s="425">
        <v>12.105597926509477</v>
      </c>
      <c r="I51" s="704">
        <v>7859830.0199999996</v>
      </c>
      <c r="J51" s="705"/>
      <c r="K51" s="425">
        <v>43.482612221865693</v>
      </c>
      <c r="L51" s="426">
        <v>10215969.98</v>
      </c>
    </row>
    <row r="52" spans="1:14" ht="21" x14ac:dyDescent="0.2">
      <c r="A52" s="50" t="s">
        <v>372</v>
      </c>
      <c r="B52" s="704">
        <v>0</v>
      </c>
      <c r="C52" s="705"/>
      <c r="D52" s="704">
        <v>0</v>
      </c>
      <c r="E52" s="705"/>
      <c r="F52" s="704">
        <v>0</v>
      </c>
      <c r="G52" s="705"/>
      <c r="H52" s="425">
        <v>0</v>
      </c>
      <c r="I52" s="704">
        <v>0</v>
      </c>
      <c r="J52" s="705"/>
      <c r="K52" s="425">
        <v>0</v>
      </c>
      <c r="L52" s="426">
        <v>0</v>
      </c>
    </row>
    <row r="53" spans="1:14" ht="10.5" x14ac:dyDescent="0.2">
      <c r="A53" s="52" t="s">
        <v>54</v>
      </c>
      <c r="B53" s="704">
        <v>43781700</v>
      </c>
      <c r="C53" s="705"/>
      <c r="D53" s="704">
        <v>43781700</v>
      </c>
      <c r="E53" s="705"/>
      <c r="F53" s="704">
        <v>988253.18</v>
      </c>
      <c r="G53" s="705"/>
      <c r="H53" s="425">
        <v>2.2572288878686759</v>
      </c>
      <c r="I53" s="704">
        <v>4657436.28</v>
      </c>
      <c r="J53" s="705"/>
      <c r="K53" s="425">
        <v>10.637860750039401</v>
      </c>
      <c r="L53" s="426">
        <v>39124263.719999999</v>
      </c>
    </row>
    <row r="54" spans="1:14" ht="10.5" x14ac:dyDescent="0.2">
      <c r="A54" s="146" t="s">
        <v>40</v>
      </c>
      <c r="B54" s="716">
        <v>908659900</v>
      </c>
      <c r="C54" s="717"/>
      <c r="D54" s="716">
        <v>916991982.23000002</v>
      </c>
      <c r="E54" s="717"/>
      <c r="F54" s="716">
        <v>118213228.08000001</v>
      </c>
      <c r="G54" s="717"/>
      <c r="H54" s="423">
        <v>12.891413487882575</v>
      </c>
      <c r="I54" s="716">
        <v>411463805.94999999</v>
      </c>
      <c r="J54" s="717"/>
      <c r="K54" s="423">
        <v>44.871036380206498</v>
      </c>
      <c r="L54" s="474">
        <v>505528176.27999997</v>
      </c>
    </row>
    <row r="55" spans="1:14" ht="10.5" x14ac:dyDescent="0.2">
      <c r="A55" s="146" t="s">
        <v>41</v>
      </c>
      <c r="B55" s="704">
        <v>16304000</v>
      </c>
      <c r="C55" s="705"/>
      <c r="D55" s="704">
        <v>24201766.5</v>
      </c>
      <c r="E55" s="705"/>
      <c r="F55" s="704">
        <v>9422415.3300000001</v>
      </c>
      <c r="G55" s="705"/>
      <c r="H55" s="425">
        <v>38.932758606690967</v>
      </c>
      <c r="I55" s="704">
        <v>11097766.5</v>
      </c>
      <c r="J55" s="705"/>
      <c r="K55" s="425">
        <v>45.855192016665399</v>
      </c>
      <c r="L55" s="426">
        <v>13104000</v>
      </c>
    </row>
    <row r="56" spans="1:14" ht="10.5" x14ac:dyDescent="0.2">
      <c r="A56" s="29" t="s">
        <v>42</v>
      </c>
      <c r="B56" s="704">
        <v>13104000</v>
      </c>
      <c r="C56" s="705"/>
      <c r="D56" s="704">
        <v>13104000</v>
      </c>
      <c r="E56" s="705"/>
      <c r="F56" s="704">
        <v>0</v>
      </c>
      <c r="G56" s="705"/>
      <c r="H56" s="425">
        <v>0</v>
      </c>
      <c r="I56" s="704">
        <v>0</v>
      </c>
      <c r="J56" s="705"/>
      <c r="K56" s="425">
        <v>0</v>
      </c>
      <c r="L56" s="426">
        <v>13104000</v>
      </c>
    </row>
    <row r="57" spans="1:14" ht="10.5" x14ac:dyDescent="0.2">
      <c r="A57" s="29" t="s">
        <v>43</v>
      </c>
      <c r="B57" s="704">
        <v>3200000</v>
      </c>
      <c r="C57" s="705"/>
      <c r="D57" s="704">
        <v>11097766.5</v>
      </c>
      <c r="E57" s="705"/>
      <c r="F57" s="704">
        <v>9422415.3300000001</v>
      </c>
      <c r="G57" s="705"/>
      <c r="H57" s="425">
        <v>84.903708597581328</v>
      </c>
      <c r="I57" s="704">
        <v>11097766.5</v>
      </c>
      <c r="J57" s="705"/>
      <c r="K57" s="425">
        <v>100</v>
      </c>
      <c r="L57" s="426">
        <v>0</v>
      </c>
    </row>
    <row r="58" spans="1:14" ht="10.5" x14ac:dyDescent="0.2">
      <c r="A58" s="146" t="s">
        <v>44</v>
      </c>
      <c r="B58" s="704">
        <v>8513000</v>
      </c>
      <c r="C58" s="705"/>
      <c r="D58" s="704">
        <v>8513000</v>
      </c>
      <c r="E58" s="705"/>
      <c r="F58" s="704">
        <v>323586.54000000004</v>
      </c>
      <c r="G58" s="705"/>
      <c r="H58" s="425">
        <v>3.801087043345472</v>
      </c>
      <c r="I58" s="704">
        <v>649914.88</v>
      </c>
      <c r="J58" s="705"/>
      <c r="K58" s="425">
        <v>7.6343812991894744</v>
      </c>
      <c r="L58" s="426">
        <v>7863085.1199999992</v>
      </c>
      <c r="M58" s="56"/>
      <c r="N58" s="56"/>
    </row>
    <row r="59" spans="1:14" ht="10.5" x14ac:dyDescent="0.2">
      <c r="A59" s="29" t="s">
        <v>45</v>
      </c>
      <c r="B59" s="704">
        <v>2206000</v>
      </c>
      <c r="C59" s="705"/>
      <c r="D59" s="704">
        <v>2206000</v>
      </c>
      <c r="E59" s="705"/>
      <c r="F59" s="704">
        <v>123240.4</v>
      </c>
      <c r="G59" s="705"/>
      <c r="H59" s="425">
        <v>5.5866001813236625</v>
      </c>
      <c r="I59" s="704">
        <v>183425.98</v>
      </c>
      <c r="J59" s="705"/>
      <c r="K59" s="425">
        <v>8.3148676337262017</v>
      </c>
      <c r="L59" s="426">
        <v>2022574.02</v>
      </c>
    </row>
    <row r="60" spans="1:14" ht="10.5" x14ac:dyDescent="0.2">
      <c r="A60" s="29" t="s">
        <v>46</v>
      </c>
      <c r="B60" s="704">
        <v>6307000</v>
      </c>
      <c r="C60" s="705"/>
      <c r="D60" s="704">
        <v>6307000</v>
      </c>
      <c r="E60" s="705"/>
      <c r="F60" s="704">
        <v>200346.14</v>
      </c>
      <c r="G60" s="705"/>
      <c r="H60" s="425">
        <v>3.176567940383701</v>
      </c>
      <c r="I60" s="704">
        <v>466488.9</v>
      </c>
      <c r="J60" s="705"/>
      <c r="K60" s="425">
        <v>7.3963675281433332</v>
      </c>
      <c r="L60" s="426">
        <v>5840511.0999999996</v>
      </c>
    </row>
    <row r="61" spans="1:14" ht="10.5" x14ac:dyDescent="0.2">
      <c r="A61" s="146" t="s">
        <v>47</v>
      </c>
      <c r="B61" s="704">
        <v>2430000</v>
      </c>
      <c r="C61" s="705"/>
      <c r="D61" s="704">
        <v>2864315.73</v>
      </c>
      <c r="E61" s="705"/>
      <c r="F61" s="704">
        <v>705689.97</v>
      </c>
      <c r="G61" s="705"/>
      <c r="H61" s="425">
        <v>24.63729688067593</v>
      </c>
      <c r="I61" s="704">
        <v>2864315.73</v>
      </c>
      <c r="J61" s="705"/>
      <c r="K61" s="425">
        <v>100</v>
      </c>
      <c r="L61" s="426">
        <v>0</v>
      </c>
    </row>
    <row r="62" spans="1:14" ht="10.5" x14ac:dyDescent="0.2">
      <c r="A62" s="146" t="s">
        <v>48</v>
      </c>
      <c r="B62" s="704">
        <v>881412900</v>
      </c>
      <c r="C62" s="705"/>
      <c r="D62" s="704">
        <v>881412900</v>
      </c>
      <c r="E62" s="705"/>
      <c r="F62" s="704">
        <v>107773875.74000001</v>
      </c>
      <c r="G62" s="705"/>
      <c r="H62" s="425">
        <v>12.227399410650786</v>
      </c>
      <c r="I62" s="704">
        <v>396851808.83999997</v>
      </c>
      <c r="J62" s="705"/>
      <c r="K62" s="425">
        <v>45.024506543981822</v>
      </c>
      <c r="L62" s="426">
        <v>484561091.15999997</v>
      </c>
      <c r="M62" s="56"/>
      <c r="N62" s="56"/>
    </row>
    <row r="63" spans="1:14" ht="10.5" x14ac:dyDescent="0.2">
      <c r="A63" s="29" t="s">
        <v>30</v>
      </c>
      <c r="B63" s="704">
        <v>84654100</v>
      </c>
      <c r="C63" s="705"/>
      <c r="D63" s="704">
        <v>84654100</v>
      </c>
      <c r="E63" s="705"/>
      <c r="F63" s="704">
        <v>0</v>
      </c>
      <c r="G63" s="705"/>
      <c r="H63" s="425">
        <v>0</v>
      </c>
      <c r="I63" s="704">
        <v>1366339.84</v>
      </c>
      <c r="J63" s="705"/>
      <c r="K63" s="425">
        <v>1.6140267748402028</v>
      </c>
      <c r="L63" s="426">
        <v>83287760.159999996</v>
      </c>
    </row>
    <row r="64" spans="1:14" ht="10.5" x14ac:dyDescent="0.2">
      <c r="A64" s="29" t="s">
        <v>31</v>
      </c>
      <c r="B64" s="704">
        <v>483607000</v>
      </c>
      <c r="C64" s="705"/>
      <c r="D64" s="704">
        <v>483607000</v>
      </c>
      <c r="E64" s="705"/>
      <c r="F64" s="704">
        <v>94380551.620000005</v>
      </c>
      <c r="G64" s="705"/>
      <c r="H64" s="425">
        <v>19.515960608510628</v>
      </c>
      <c r="I64" s="704">
        <v>348213177.54000002</v>
      </c>
      <c r="J64" s="705"/>
      <c r="K64" s="425">
        <v>72.003336911996726</v>
      </c>
      <c r="L64" s="426">
        <v>135393822.45999998</v>
      </c>
    </row>
    <row r="65" spans="1:14" ht="10.5" x14ac:dyDescent="0.2">
      <c r="A65" s="29" t="s">
        <v>32</v>
      </c>
      <c r="B65" s="704">
        <v>0</v>
      </c>
      <c r="C65" s="705"/>
      <c r="D65" s="704">
        <v>0</v>
      </c>
      <c r="E65" s="705"/>
      <c r="F65" s="704">
        <v>0</v>
      </c>
      <c r="G65" s="705"/>
      <c r="H65" s="425">
        <v>0</v>
      </c>
      <c r="I65" s="704">
        <v>0</v>
      </c>
      <c r="J65" s="705"/>
      <c r="K65" s="425">
        <v>0</v>
      </c>
      <c r="L65" s="426">
        <v>0</v>
      </c>
    </row>
    <row r="66" spans="1:14" ht="10.5" x14ac:dyDescent="0.2">
      <c r="A66" s="29" t="s">
        <v>33</v>
      </c>
      <c r="B66" s="704">
        <v>0</v>
      </c>
      <c r="C66" s="705"/>
      <c r="D66" s="704">
        <v>0</v>
      </c>
      <c r="E66" s="705"/>
      <c r="F66" s="704">
        <v>0</v>
      </c>
      <c r="G66" s="705"/>
      <c r="H66" s="425">
        <v>0</v>
      </c>
      <c r="I66" s="704">
        <v>0</v>
      </c>
      <c r="J66" s="705"/>
      <c r="K66" s="425">
        <v>0</v>
      </c>
      <c r="L66" s="426">
        <v>0</v>
      </c>
    </row>
    <row r="67" spans="1:14" ht="10.5" x14ac:dyDescent="0.2">
      <c r="A67" s="53" t="s">
        <v>49</v>
      </c>
      <c r="B67" s="704">
        <v>0</v>
      </c>
      <c r="C67" s="705"/>
      <c r="D67" s="704">
        <v>0</v>
      </c>
      <c r="E67" s="705"/>
      <c r="F67" s="704">
        <v>0</v>
      </c>
      <c r="G67" s="705"/>
      <c r="H67" s="425">
        <v>0</v>
      </c>
      <c r="I67" s="704">
        <v>0</v>
      </c>
      <c r="J67" s="705"/>
      <c r="K67" s="425">
        <v>0</v>
      </c>
      <c r="L67" s="426">
        <v>0</v>
      </c>
    </row>
    <row r="68" spans="1:14" ht="10.5" x14ac:dyDescent="0.2">
      <c r="A68" s="53" t="s">
        <v>34</v>
      </c>
      <c r="B68" s="704">
        <v>313151800</v>
      </c>
      <c r="C68" s="705"/>
      <c r="D68" s="704">
        <v>313151800</v>
      </c>
      <c r="E68" s="705"/>
      <c r="F68" s="704">
        <v>13393324.119999999</v>
      </c>
      <c r="G68" s="705"/>
      <c r="H68" s="425">
        <v>4.2769430416813821</v>
      </c>
      <c r="I68" s="704">
        <v>47272291.460000001</v>
      </c>
      <c r="J68" s="705"/>
      <c r="K68" s="425">
        <v>15.095647369742087</v>
      </c>
      <c r="L68" s="426">
        <v>265879508.53999999</v>
      </c>
    </row>
    <row r="69" spans="1:14" ht="10.5" x14ac:dyDescent="0.2">
      <c r="A69" s="53" t="s">
        <v>35</v>
      </c>
      <c r="B69" s="704">
        <v>0</v>
      </c>
      <c r="C69" s="705"/>
      <c r="D69" s="704">
        <v>0</v>
      </c>
      <c r="E69" s="705"/>
      <c r="F69" s="704">
        <v>0</v>
      </c>
      <c r="G69" s="705"/>
      <c r="H69" s="425">
        <v>0</v>
      </c>
      <c r="I69" s="704">
        <v>0</v>
      </c>
      <c r="J69" s="705"/>
      <c r="K69" s="425">
        <v>0</v>
      </c>
      <c r="L69" s="426">
        <v>0</v>
      </c>
    </row>
    <row r="70" spans="1:14" ht="10.5" x14ac:dyDescent="0.2">
      <c r="A70" s="146" t="s">
        <v>50</v>
      </c>
      <c r="B70" s="704">
        <v>0</v>
      </c>
      <c r="C70" s="705"/>
      <c r="D70" s="704">
        <v>0</v>
      </c>
      <c r="E70" s="705"/>
      <c r="F70" s="704">
        <v>-12339.5</v>
      </c>
      <c r="G70" s="705"/>
      <c r="H70" s="425">
        <v>0</v>
      </c>
      <c r="I70" s="704">
        <v>0</v>
      </c>
      <c r="J70" s="705"/>
      <c r="K70" s="425">
        <v>0</v>
      </c>
      <c r="L70" s="426">
        <v>0</v>
      </c>
    </row>
    <row r="71" spans="1:14" ht="10.5" x14ac:dyDescent="0.2">
      <c r="A71" s="29" t="s">
        <v>890</v>
      </c>
      <c r="B71" s="704">
        <v>0</v>
      </c>
      <c r="C71" s="705"/>
      <c r="D71" s="704">
        <v>0</v>
      </c>
      <c r="E71" s="705"/>
      <c r="F71" s="704">
        <v>-12339.5</v>
      </c>
      <c r="G71" s="705"/>
      <c r="H71" s="425">
        <v>0</v>
      </c>
      <c r="I71" s="704">
        <v>0</v>
      </c>
      <c r="J71" s="705"/>
      <c r="K71" s="425">
        <v>0</v>
      </c>
      <c r="L71" s="426">
        <v>0</v>
      </c>
    </row>
    <row r="72" spans="1:14" ht="10.5" x14ac:dyDescent="0.2">
      <c r="A72" s="54" t="s">
        <v>52</v>
      </c>
      <c r="B72" s="704">
        <v>0</v>
      </c>
      <c r="C72" s="705"/>
      <c r="D72" s="704">
        <v>0</v>
      </c>
      <c r="E72" s="705"/>
      <c r="F72" s="704">
        <v>0</v>
      </c>
      <c r="G72" s="705"/>
      <c r="H72" s="425">
        <v>0</v>
      </c>
      <c r="I72" s="704">
        <v>0</v>
      </c>
      <c r="J72" s="705"/>
      <c r="K72" s="425">
        <v>0</v>
      </c>
      <c r="L72" s="426">
        <v>0</v>
      </c>
    </row>
    <row r="73" spans="1:14" ht="10.5" x14ac:dyDescent="0.2">
      <c r="A73" s="53" t="s">
        <v>53</v>
      </c>
      <c r="B73" s="704">
        <v>0</v>
      </c>
      <c r="C73" s="705"/>
      <c r="D73" s="704">
        <v>0</v>
      </c>
      <c r="E73" s="705"/>
      <c r="F73" s="704">
        <v>0</v>
      </c>
      <c r="G73" s="705"/>
      <c r="H73" s="425">
        <v>0</v>
      </c>
      <c r="I73" s="704">
        <v>0</v>
      </c>
      <c r="J73" s="705"/>
      <c r="K73" s="425">
        <v>0</v>
      </c>
      <c r="L73" s="426">
        <v>0</v>
      </c>
    </row>
    <row r="74" spans="1:14" ht="10.5" x14ac:dyDescent="0.2">
      <c r="A74" s="147" t="s">
        <v>82</v>
      </c>
      <c r="B74" s="708">
        <v>1078931200</v>
      </c>
      <c r="C74" s="709"/>
      <c r="D74" s="708">
        <v>1314926922.74</v>
      </c>
      <c r="E74" s="709"/>
      <c r="F74" s="708">
        <v>203817880.88</v>
      </c>
      <c r="G74" s="709"/>
      <c r="H74" s="423">
        <v>15.500320006779633</v>
      </c>
      <c r="I74" s="708">
        <v>695207633.88999999</v>
      </c>
      <c r="J74" s="709"/>
      <c r="K74" s="423">
        <v>52.870438795286809</v>
      </c>
      <c r="L74" s="424">
        <v>619719288.85000002</v>
      </c>
    </row>
    <row r="75" spans="1:14" ht="10.5" x14ac:dyDescent="0.2">
      <c r="A75" s="148" t="s">
        <v>83</v>
      </c>
      <c r="B75" s="706">
        <v>13926525000</v>
      </c>
      <c r="C75" s="707"/>
      <c r="D75" s="706">
        <v>14252860106.429998</v>
      </c>
      <c r="E75" s="707"/>
      <c r="F75" s="706">
        <v>1887792418.98</v>
      </c>
      <c r="G75" s="707"/>
      <c r="H75" s="430">
        <v>13.245007702898496</v>
      </c>
      <c r="I75" s="706">
        <v>7574981710.3199997</v>
      </c>
      <c r="J75" s="707"/>
      <c r="K75" s="431">
        <v>53.147099275201903</v>
      </c>
      <c r="L75" s="432">
        <v>6677878396.1100006</v>
      </c>
      <c r="M75" s="301"/>
    </row>
    <row r="76" spans="1:14" ht="10.5" x14ac:dyDescent="0.2">
      <c r="A76" s="302" t="s">
        <v>360</v>
      </c>
      <c r="B76" s="710"/>
      <c r="C76" s="711"/>
      <c r="D76" s="710"/>
      <c r="E76" s="711"/>
      <c r="F76" s="710"/>
      <c r="G76" s="711"/>
      <c r="H76" s="433">
        <v>0</v>
      </c>
      <c r="I76" s="710"/>
      <c r="J76" s="711"/>
      <c r="K76" s="469">
        <v>0</v>
      </c>
      <c r="L76" s="469"/>
      <c r="N76" s="630"/>
    </row>
    <row r="77" spans="1:14" ht="10.5" hidden="1" x14ac:dyDescent="0.2">
      <c r="A77" s="146" t="s">
        <v>309</v>
      </c>
      <c r="B77" s="712"/>
      <c r="C77" s="713"/>
      <c r="D77" s="712"/>
      <c r="E77" s="713"/>
      <c r="F77" s="712"/>
      <c r="G77" s="713"/>
      <c r="H77" s="426">
        <v>0</v>
      </c>
      <c r="I77" s="712"/>
      <c r="J77" s="713"/>
      <c r="K77" s="472">
        <v>0</v>
      </c>
      <c r="L77" s="472"/>
      <c r="N77" s="630"/>
    </row>
    <row r="78" spans="1:14" ht="10.5" hidden="1" x14ac:dyDescent="0.2">
      <c r="A78" s="29" t="s">
        <v>55</v>
      </c>
      <c r="B78" s="704"/>
      <c r="C78" s="705"/>
      <c r="D78" s="704"/>
      <c r="E78" s="705"/>
      <c r="F78" s="704"/>
      <c r="G78" s="705"/>
      <c r="H78" s="426">
        <v>0</v>
      </c>
      <c r="I78" s="704"/>
      <c r="J78" s="705"/>
      <c r="K78" s="472">
        <v>0</v>
      </c>
      <c r="L78" s="472"/>
      <c r="N78" s="456"/>
    </row>
    <row r="79" spans="1:14" ht="10.5" hidden="1" x14ac:dyDescent="0.2">
      <c r="A79" s="55" t="s">
        <v>56</v>
      </c>
      <c r="B79" s="704"/>
      <c r="C79" s="705"/>
      <c r="D79" s="704"/>
      <c r="E79" s="705"/>
      <c r="F79" s="704"/>
      <c r="G79" s="705"/>
      <c r="H79" s="426">
        <v>0</v>
      </c>
      <c r="I79" s="704"/>
      <c r="J79" s="705"/>
      <c r="K79" s="472">
        <v>0</v>
      </c>
      <c r="L79" s="472"/>
    </row>
    <row r="80" spans="1:14" ht="10.5" hidden="1" x14ac:dyDescent="0.2">
      <c r="A80" s="146" t="s">
        <v>310</v>
      </c>
      <c r="B80" s="704"/>
      <c r="C80" s="705"/>
      <c r="D80" s="704"/>
      <c r="E80" s="705"/>
      <c r="F80" s="704"/>
      <c r="G80" s="705"/>
      <c r="H80" s="426">
        <v>0</v>
      </c>
      <c r="I80" s="704"/>
      <c r="J80" s="705"/>
      <c r="K80" s="472">
        <v>0</v>
      </c>
      <c r="L80" s="472"/>
    </row>
    <row r="81" spans="1:13" ht="10.5" hidden="1" x14ac:dyDescent="0.2">
      <c r="A81" s="29" t="s">
        <v>55</v>
      </c>
      <c r="B81" s="704"/>
      <c r="C81" s="705"/>
      <c r="D81" s="704"/>
      <c r="E81" s="705"/>
      <c r="F81" s="704"/>
      <c r="G81" s="705"/>
      <c r="H81" s="426">
        <v>0</v>
      </c>
      <c r="I81" s="704"/>
      <c r="J81" s="705"/>
      <c r="K81" s="472">
        <v>0</v>
      </c>
      <c r="L81" s="472"/>
    </row>
    <row r="82" spans="1:13" ht="10.5" hidden="1" x14ac:dyDescent="0.2">
      <c r="A82" s="55" t="s">
        <v>56</v>
      </c>
      <c r="B82" s="429"/>
      <c r="C82" s="435"/>
      <c r="D82" s="714"/>
      <c r="E82" s="715"/>
      <c r="F82" s="714"/>
      <c r="G82" s="715"/>
      <c r="H82" s="426">
        <v>0</v>
      </c>
      <c r="I82" s="714"/>
      <c r="J82" s="715"/>
      <c r="K82" s="475">
        <v>0</v>
      </c>
      <c r="L82" s="475"/>
    </row>
    <row r="83" spans="1:13" ht="10.5" x14ac:dyDescent="0.2">
      <c r="A83" s="148" t="s">
        <v>57</v>
      </c>
      <c r="B83" s="706">
        <v>13926525000</v>
      </c>
      <c r="C83" s="707"/>
      <c r="D83" s="706">
        <v>14252860106.429998</v>
      </c>
      <c r="E83" s="707"/>
      <c r="F83" s="706">
        <v>1887792418.98</v>
      </c>
      <c r="G83" s="707"/>
      <c r="H83" s="432">
        <v>13.245007702898496</v>
      </c>
      <c r="I83" s="706">
        <v>7574981710.3199997</v>
      </c>
      <c r="J83" s="707"/>
      <c r="K83" s="436">
        <v>53.147099275201903</v>
      </c>
      <c r="L83" s="432">
        <v>6677878396.1100006</v>
      </c>
      <c r="M83" s="28"/>
    </row>
    <row r="84" spans="1:13" ht="10.5" x14ac:dyDescent="0.2">
      <c r="A84" s="149" t="s">
        <v>84</v>
      </c>
      <c r="B84" s="706">
        <v>0</v>
      </c>
      <c r="C84" s="707"/>
      <c r="D84" s="706">
        <v>0</v>
      </c>
      <c r="E84" s="707"/>
      <c r="F84" s="706">
        <v>0</v>
      </c>
      <c r="G84" s="707"/>
      <c r="H84" s="432">
        <v>0</v>
      </c>
      <c r="I84" s="706">
        <v>200139269.84000015</v>
      </c>
      <c r="J84" s="707"/>
      <c r="K84" s="437">
        <v>0</v>
      </c>
      <c r="L84" s="473">
        <v>0</v>
      </c>
    </row>
    <row r="85" spans="1:13" ht="15" customHeight="1" x14ac:dyDescent="0.2">
      <c r="A85" s="27" t="s">
        <v>85</v>
      </c>
      <c r="B85" s="749">
        <v>13926525000</v>
      </c>
      <c r="C85" s="757"/>
      <c r="D85" s="749">
        <v>14252860106.429998</v>
      </c>
      <c r="E85" s="757"/>
      <c r="F85" s="749">
        <v>1887792418.98</v>
      </c>
      <c r="G85" s="757"/>
      <c r="H85" s="468">
        <v>13.245007702898496</v>
      </c>
      <c r="I85" s="749">
        <v>7775120980.1599998</v>
      </c>
      <c r="J85" s="757"/>
      <c r="K85" s="468">
        <v>54.551303542594596</v>
      </c>
      <c r="L85" s="438">
        <v>6677878396.1100006</v>
      </c>
    </row>
    <row r="86" spans="1:13" ht="21" x14ac:dyDescent="0.2">
      <c r="A86" s="347" t="s">
        <v>58</v>
      </c>
      <c r="B86" s="710">
        <v>0</v>
      </c>
      <c r="C86" s="711"/>
      <c r="D86" s="710"/>
      <c r="E86" s="711"/>
      <c r="F86" s="710">
        <v>0</v>
      </c>
      <c r="G86" s="711"/>
      <c r="H86" s="439">
        <v>0</v>
      </c>
      <c r="I86" s="710">
        <v>0</v>
      </c>
      <c r="J86" s="711"/>
      <c r="K86" s="439">
        <v>0</v>
      </c>
      <c r="L86" s="469" t="s">
        <v>156</v>
      </c>
    </row>
    <row r="87" spans="1:13" ht="10.5" x14ac:dyDescent="0.2">
      <c r="A87" s="348" t="s">
        <v>354</v>
      </c>
      <c r="B87" s="710">
        <v>0</v>
      </c>
      <c r="C87" s="711"/>
      <c r="D87" s="710">
        <v>0</v>
      </c>
      <c r="E87" s="711"/>
      <c r="F87" s="710">
        <v>0</v>
      </c>
      <c r="G87" s="711"/>
      <c r="H87" s="439">
        <v>0</v>
      </c>
      <c r="I87" s="710">
        <v>0</v>
      </c>
      <c r="J87" s="711"/>
      <c r="K87" s="439">
        <v>0</v>
      </c>
      <c r="L87" s="469" t="s">
        <v>156</v>
      </c>
    </row>
    <row r="88" spans="1:13" ht="10.5" x14ac:dyDescent="0.2">
      <c r="A88" s="349" t="s">
        <v>353</v>
      </c>
      <c r="B88" s="710">
        <v>0</v>
      </c>
      <c r="C88" s="711"/>
      <c r="D88" s="710">
        <v>0</v>
      </c>
      <c r="E88" s="711"/>
      <c r="F88" s="710">
        <v>0</v>
      </c>
      <c r="G88" s="711"/>
      <c r="H88" s="439">
        <v>0</v>
      </c>
      <c r="I88" s="710">
        <v>0</v>
      </c>
      <c r="J88" s="711"/>
      <c r="K88" s="439">
        <v>0</v>
      </c>
      <c r="L88" s="469" t="s">
        <v>156</v>
      </c>
    </row>
    <row r="89" spans="1:13" ht="5.0999999999999996" customHeight="1" x14ac:dyDescent="0.2">
      <c r="F89" s="56"/>
      <c r="G89" s="56"/>
      <c r="H89" s="56"/>
      <c r="I89" s="56"/>
      <c r="J89" s="56"/>
      <c r="K89" s="56"/>
      <c r="L89" s="56"/>
    </row>
    <row r="90" spans="1:13" ht="4.5" customHeight="1" x14ac:dyDescent="0.2">
      <c r="E90" s="456"/>
      <c r="F90" s="56"/>
      <c r="G90" s="408"/>
      <c r="H90" s="408"/>
      <c r="I90" s="408"/>
      <c r="J90" s="56"/>
      <c r="K90" s="56"/>
      <c r="L90" s="56"/>
    </row>
    <row r="91" spans="1:13" ht="14.25" customHeight="1" x14ac:dyDescent="0.2">
      <c r="A91" s="744" t="s">
        <v>851</v>
      </c>
      <c r="B91" s="57" t="s">
        <v>157</v>
      </c>
      <c r="C91" s="57" t="s">
        <v>157</v>
      </c>
      <c r="D91" s="758" t="s">
        <v>158</v>
      </c>
      <c r="E91" s="766"/>
      <c r="F91" s="755" t="s">
        <v>161</v>
      </c>
      <c r="G91" s="758" t="s">
        <v>159</v>
      </c>
      <c r="H91" s="759"/>
      <c r="I91" s="755" t="s">
        <v>161</v>
      </c>
      <c r="J91" s="742" t="s">
        <v>535</v>
      </c>
      <c r="K91" s="760" t="s">
        <v>636</v>
      </c>
      <c r="L91" s="761"/>
    </row>
    <row r="92" spans="1:13" ht="27" customHeight="1" x14ac:dyDescent="0.15">
      <c r="A92" s="745"/>
      <c r="B92" s="58" t="s">
        <v>111</v>
      </c>
      <c r="C92" s="58" t="s">
        <v>112</v>
      </c>
      <c r="D92" s="450" t="s">
        <v>430</v>
      </c>
      <c r="E92" s="450" t="s">
        <v>431</v>
      </c>
      <c r="F92" s="756"/>
      <c r="G92" s="450" t="s">
        <v>430</v>
      </c>
      <c r="H92" s="451" t="s">
        <v>431</v>
      </c>
      <c r="I92" s="756"/>
      <c r="J92" s="743"/>
      <c r="K92" s="762"/>
      <c r="L92" s="763"/>
    </row>
    <row r="93" spans="1:13" ht="10.5" x14ac:dyDescent="0.2">
      <c r="A93" s="745"/>
      <c r="B93" s="58"/>
      <c r="C93" s="58"/>
      <c r="D93" s="60" t="s">
        <v>121</v>
      </c>
      <c r="E93" s="60" t="s">
        <v>121</v>
      </c>
      <c r="F93" s="756"/>
      <c r="G93" s="60" t="s">
        <v>121</v>
      </c>
      <c r="H93" s="60" t="s">
        <v>121</v>
      </c>
      <c r="I93" s="756"/>
      <c r="J93" s="743"/>
      <c r="K93" s="762"/>
      <c r="L93" s="763"/>
    </row>
    <row r="94" spans="1:13" s="399" customFormat="1" ht="12" customHeight="1" x14ac:dyDescent="0.2">
      <c r="A94" s="746"/>
      <c r="B94" s="396" t="s">
        <v>162</v>
      </c>
      <c r="C94" s="396" t="s">
        <v>163</v>
      </c>
      <c r="D94" s="398"/>
      <c r="E94" s="396" t="s">
        <v>233</v>
      </c>
      <c r="F94" s="397" t="s">
        <v>539</v>
      </c>
      <c r="G94" s="398"/>
      <c r="H94" s="396" t="s">
        <v>165</v>
      </c>
      <c r="I94" s="396" t="s">
        <v>540</v>
      </c>
      <c r="J94" s="396" t="s">
        <v>349</v>
      </c>
      <c r="K94" s="764"/>
      <c r="L94" s="765"/>
    </row>
    <row r="95" spans="1:13" s="44" customFormat="1" ht="10.5" x14ac:dyDescent="0.2">
      <c r="A95" s="151" t="s">
        <v>361</v>
      </c>
      <c r="B95" s="491">
        <v>12932585500</v>
      </c>
      <c r="C95" s="423">
        <v>13896155861.099998</v>
      </c>
      <c r="D95" s="423">
        <v>489065197.33999997</v>
      </c>
      <c r="E95" s="423">
        <v>10213558772.969999</v>
      </c>
      <c r="F95" s="423">
        <v>3682597088.1299992</v>
      </c>
      <c r="G95" s="423">
        <v>1732541904.8700001</v>
      </c>
      <c r="H95" s="423">
        <v>7033629811.9099998</v>
      </c>
      <c r="I95" s="423">
        <v>6862526049.1899986</v>
      </c>
      <c r="J95" s="423">
        <v>6827105925.5699997</v>
      </c>
      <c r="K95" s="718">
        <v>0</v>
      </c>
      <c r="L95" s="751"/>
    </row>
    <row r="96" spans="1:13" s="44" customFormat="1" ht="10.5" x14ac:dyDescent="0.2">
      <c r="A96" s="62" t="s">
        <v>86</v>
      </c>
      <c r="B96" s="491">
        <v>10645303900</v>
      </c>
      <c r="C96" s="423">
        <v>11303748837.439999</v>
      </c>
      <c r="D96" s="423">
        <v>631714667.52999997</v>
      </c>
      <c r="E96" s="423">
        <v>8837965956.0799999</v>
      </c>
      <c r="F96" s="423">
        <v>2465782881.3599997</v>
      </c>
      <c r="G96" s="423">
        <v>1521171937.6600001</v>
      </c>
      <c r="H96" s="423">
        <v>6280264050.21</v>
      </c>
      <c r="I96" s="423">
        <v>5023484787.2299995</v>
      </c>
      <c r="J96" s="423">
        <v>6088472826.8999996</v>
      </c>
      <c r="K96" s="716">
        <v>0</v>
      </c>
      <c r="L96" s="741"/>
    </row>
    <row r="97" spans="1:12" s="44" customFormat="1" ht="10.5" x14ac:dyDescent="0.2">
      <c r="A97" s="62" t="s">
        <v>87</v>
      </c>
      <c r="B97" s="425">
        <v>5269505500</v>
      </c>
      <c r="C97" s="425">
        <v>7243698674.4499998</v>
      </c>
      <c r="D97" s="425">
        <v>399579793.94</v>
      </c>
      <c r="E97" s="425">
        <v>6268364779.3199997</v>
      </c>
      <c r="F97" s="425">
        <v>975333895.13000011</v>
      </c>
      <c r="G97" s="425">
        <v>1035815895.9400001</v>
      </c>
      <c r="H97" s="425">
        <v>4486415509.1999998</v>
      </c>
      <c r="I97" s="425">
        <v>2757283165.25</v>
      </c>
      <c r="J97" s="425">
        <v>4365257743.7799997</v>
      </c>
      <c r="K97" s="704">
        <v>0</v>
      </c>
      <c r="L97" s="752"/>
    </row>
    <row r="98" spans="1:12" ht="10.5" x14ac:dyDescent="0.2">
      <c r="A98" s="62" t="s">
        <v>88</v>
      </c>
      <c r="B98" s="425">
        <v>268572300</v>
      </c>
      <c r="C98" s="425">
        <v>272068679</v>
      </c>
      <c r="D98" s="425">
        <v>-123744154.56</v>
      </c>
      <c r="E98" s="425">
        <v>146483534.59</v>
      </c>
      <c r="F98" s="425">
        <v>125585144.41</v>
      </c>
      <c r="G98" s="425">
        <v>13527798.25</v>
      </c>
      <c r="H98" s="425">
        <v>106417538.38</v>
      </c>
      <c r="I98" s="425">
        <v>165651140.62</v>
      </c>
      <c r="J98" s="425">
        <v>106417538.38</v>
      </c>
      <c r="K98" s="704">
        <v>0</v>
      </c>
      <c r="L98" s="752"/>
    </row>
    <row r="99" spans="1:12" ht="10.5" x14ac:dyDescent="0.2">
      <c r="A99" s="62" t="s">
        <v>89</v>
      </c>
      <c r="B99" s="492">
        <v>5107226100</v>
      </c>
      <c r="C99" s="425">
        <v>3787981483.9899998</v>
      </c>
      <c r="D99" s="425">
        <v>355879028.14999998</v>
      </c>
      <c r="E99" s="425">
        <v>2423117642.1700001</v>
      </c>
      <c r="F99" s="425">
        <v>1364863841.8199997</v>
      </c>
      <c r="G99" s="425">
        <v>471828243.46999997</v>
      </c>
      <c r="H99" s="425">
        <v>1687431002.6300001</v>
      </c>
      <c r="I99" s="425">
        <v>2100550481.3599997</v>
      </c>
      <c r="J99" s="425">
        <v>1616797544.74</v>
      </c>
      <c r="K99" s="704">
        <v>0</v>
      </c>
      <c r="L99" s="752"/>
    </row>
    <row r="100" spans="1:12" ht="10.5" x14ac:dyDescent="0.2">
      <c r="A100" s="63" t="s">
        <v>736</v>
      </c>
      <c r="B100" s="425">
        <v>2199871000</v>
      </c>
      <c r="C100" s="425">
        <v>581309383</v>
      </c>
      <c r="D100" s="425">
        <v>0</v>
      </c>
      <c r="E100" s="425">
        <v>141591166.88999999</v>
      </c>
      <c r="F100" s="425">
        <v>439718216.11000001</v>
      </c>
      <c r="G100" s="425">
        <v>26946054.02</v>
      </c>
      <c r="H100" s="425">
        <v>122287220.91</v>
      </c>
      <c r="I100" s="425">
        <v>459022162.09000003</v>
      </c>
      <c r="J100" s="425">
        <v>108824478.73</v>
      </c>
      <c r="K100" s="704">
        <v>0</v>
      </c>
      <c r="L100" s="752"/>
    </row>
    <row r="101" spans="1:12" ht="10.5" x14ac:dyDescent="0.2">
      <c r="A101" s="63" t="s">
        <v>737</v>
      </c>
      <c r="B101" s="425">
        <v>2907355100</v>
      </c>
      <c r="C101" s="425">
        <v>3206672100.9899998</v>
      </c>
      <c r="D101" s="425">
        <v>355879028.14999998</v>
      </c>
      <c r="E101" s="425">
        <v>2281526475.2800002</v>
      </c>
      <c r="F101" s="425">
        <v>925145625.70999956</v>
      </c>
      <c r="G101" s="425">
        <v>444882189.44999999</v>
      </c>
      <c r="H101" s="425">
        <v>1565143781.72</v>
      </c>
      <c r="I101" s="425">
        <v>1641528319.2699997</v>
      </c>
      <c r="J101" s="425">
        <v>1507973066.01</v>
      </c>
      <c r="K101" s="704">
        <v>0</v>
      </c>
      <c r="L101" s="752"/>
    </row>
    <row r="102" spans="1:12" s="44" customFormat="1" ht="10.5" x14ac:dyDescent="0.2">
      <c r="A102" s="62" t="s">
        <v>90</v>
      </c>
      <c r="B102" s="491">
        <v>2158528600</v>
      </c>
      <c r="C102" s="423">
        <v>2463654023.6599998</v>
      </c>
      <c r="D102" s="423">
        <v>-142649470.19</v>
      </c>
      <c r="E102" s="423">
        <v>1375592816.8899999</v>
      </c>
      <c r="F102" s="423">
        <v>1088061206.77</v>
      </c>
      <c r="G102" s="423">
        <v>211369967.20999998</v>
      </c>
      <c r="H102" s="423">
        <v>753365761.69999993</v>
      </c>
      <c r="I102" s="423">
        <v>1710288261.96</v>
      </c>
      <c r="J102" s="423">
        <v>738633098.66999996</v>
      </c>
      <c r="K102" s="716">
        <v>0</v>
      </c>
      <c r="L102" s="741"/>
    </row>
    <row r="103" spans="1:12" ht="10.5" x14ac:dyDescent="0.2">
      <c r="A103" s="56" t="s">
        <v>91</v>
      </c>
      <c r="B103" s="425">
        <v>1453525700</v>
      </c>
      <c r="C103" s="425">
        <v>1757981602.6600001</v>
      </c>
      <c r="D103" s="425">
        <v>118149523.51000001</v>
      </c>
      <c r="E103" s="425">
        <v>953079655.03999996</v>
      </c>
      <c r="F103" s="425">
        <v>804901947.62000012</v>
      </c>
      <c r="G103" s="425">
        <v>162098309.88</v>
      </c>
      <c r="H103" s="425">
        <v>454395837.51999998</v>
      </c>
      <c r="I103" s="425">
        <v>1303585765.1400001</v>
      </c>
      <c r="J103" s="425">
        <v>439663174.49000001</v>
      </c>
      <c r="K103" s="704">
        <v>0</v>
      </c>
      <c r="L103" s="752"/>
    </row>
    <row r="104" spans="1:12" ht="10.5" x14ac:dyDescent="0.2">
      <c r="A104" s="56" t="s">
        <v>92</v>
      </c>
      <c r="B104" s="425">
        <v>6967100</v>
      </c>
      <c r="C104" s="425">
        <v>7436000</v>
      </c>
      <c r="D104" s="425">
        <v>222000</v>
      </c>
      <c r="E104" s="425">
        <v>386699.4</v>
      </c>
      <c r="F104" s="425">
        <v>7049300.5999999996</v>
      </c>
      <c r="G104" s="425">
        <v>222000</v>
      </c>
      <c r="H104" s="425">
        <v>386699.4</v>
      </c>
      <c r="I104" s="425">
        <v>7049300.5999999996</v>
      </c>
      <c r="J104" s="425">
        <v>386699.4</v>
      </c>
      <c r="K104" s="704">
        <v>0</v>
      </c>
      <c r="L104" s="752"/>
    </row>
    <row r="105" spans="1:12" ht="10.5" x14ac:dyDescent="0.2">
      <c r="A105" s="56" t="s">
        <v>93</v>
      </c>
      <c r="B105" s="425">
        <v>698035800</v>
      </c>
      <c r="C105" s="425">
        <v>698236421</v>
      </c>
      <c r="D105" s="425">
        <v>-261020993.69999999</v>
      </c>
      <c r="E105" s="425">
        <v>422126462.44999999</v>
      </c>
      <c r="F105" s="425">
        <v>276109958.55000001</v>
      </c>
      <c r="G105" s="425">
        <v>49049657.329999998</v>
      </c>
      <c r="H105" s="425">
        <v>298583224.77999997</v>
      </c>
      <c r="I105" s="425">
        <v>399653196.22000003</v>
      </c>
      <c r="J105" s="425">
        <v>298583224.77999997</v>
      </c>
      <c r="K105" s="704">
        <v>0</v>
      </c>
      <c r="L105" s="752"/>
    </row>
    <row r="106" spans="1:12" ht="10.5" x14ac:dyDescent="0.2">
      <c r="A106" s="56" t="s">
        <v>94</v>
      </c>
      <c r="B106" s="426">
        <v>128753000</v>
      </c>
      <c r="C106" s="493">
        <v>128753000</v>
      </c>
      <c r="D106" s="425">
        <v>0</v>
      </c>
      <c r="E106" s="425">
        <v>0</v>
      </c>
      <c r="F106" s="425">
        <v>128753000</v>
      </c>
      <c r="G106" s="425">
        <v>0</v>
      </c>
      <c r="H106" s="425">
        <v>0</v>
      </c>
      <c r="I106" s="425">
        <v>128753000</v>
      </c>
      <c r="J106" s="425">
        <v>0</v>
      </c>
      <c r="K106" s="704">
        <v>0</v>
      </c>
      <c r="L106" s="752"/>
    </row>
    <row r="107" spans="1:12" ht="10.5" x14ac:dyDescent="0.2">
      <c r="A107" s="56" t="s">
        <v>95</v>
      </c>
      <c r="B107" s="426">
        <v>0</v>
      </c>
      <c r="C107" s="425">
        <v>0</v>
      </c>
      <c r="D107" s="425">
        <v>0</v>
      </c>
      <c r="E107" s="425">
        <v>0</v>
      </c>
      <c r="F107" s="425">
        <v>0</v>
      </c>
      <c r="G107" s="425">
        <v>0</v>
      </c>
      <c r="H107" s="425">
        <v>0</v>
      </c>
      <c r="I107" s="425">
        <v>0</v>
      </c>
      <c r="J107" s="425">
        <v>0</v>
      </c>
      <c r="K107" s="704">
        <v>0</v>
      </c>
      <c r="L107" s="752"/>
    </row>
    <row r="108" spans="1:12" s="44" customFormat="1" ht="10.5" x14ac:dyDescent="0.2">
      <c r="A108" s="62" t="s">
        <v>96</v>
      </c>
      <c r="B108" s="424">
        <v>993939500</v>
      </c>
      <c r="C108" s="424">
        <v>1295948358.9000001</v>
      </c>
      <c r="D108" s="424">
        <v>20218563.59</v>
      </c>
      <c r="E108" s="424">
        <v>1095784644.6900001</v>
      </c>
      <c r="F108" s="424">
        <v>200163714.21000004</v>
      </c>
      <c r="G108" s="424">
        <v>175718820.07999998</v>
      </c>
      <c r="H108" s="424">
        <v>741491168.25</v>
      </c>
      <c r="I108" s="424">
        <v>554457190.6500001</v>
      </c>
      <c r="J108" s="424">
        <v>661105326.45000005</v>
      </c>
      <c r="K108" s="708">
        <v>0</v>
      </c>
      <c r="L108" s="754"/>
    </row>
    <row r="109" spans="1:12" s="44" customFormat="1" ht="10.5" x14ac:dyDescent="0.2">
      <c r="A109" s="116" t="s">
        <v>97</v>
      </c>
      <c r="B109" s="470">
        <v>13926525000</v>
      </c>
      <c r="C109" s="470">
        <v>15192104219.999998</v>
      </c>
      <c r="D109" s="470">
        <v>509283760.92999995</v>
      </c>
      <c r="E109" s="470">
        <v>11309343417.66</v>
      </c>
      <c r="F109" s="470">
        <v>3882760802.3399992</v>
      </c>
      <c r="G109" s="470">
        <v>1908260724.95</v>
      </c>
      <c r="H109" s="470">
        <v>7775120980.1599998</v>
      </c>
      <c r="I109" s="470">
        <v>7416983239.8399982</v>
      </c>
      <c r="J109" s="470">
        <v>7488211252.0199995</v>
      </c>
      <c r="K109" s="710">
        <v>0</v>
      </c>
      <c r="L109" s="747"/>
    </row>
    <row r="110" spans="1:12" ht="10.5" x14ac:dyDescent="0.2">
      <c r="A110" s="302" t="s">
        <v>362</v>
      </c>
      <c r="B110" s="433">
        <v>0</v>
      </c>
      <c r="C110" s="433">
        <v>0</v>
      </c>
      <c r="D110" s="433">
        <v>0</v>
      </c>
      <c r="E110" s="433">
        <v>0</v>
      </c>
      <c r="F110" s="433">
        <v>0</v>
      </c>
      <c r="G110" s="433">
        <v>0</v>
      </c>
      <c r="H110" s="433">
        <v>0</v>
      </c>
      <c r="I110" s="433">
        <v>0</v>
      </c>
      <c r="J110" s="433">
        <v>0</v>
      </c>
      <c r="K110" s="710">
        <v>0</v>
      </c>
      <c r="L110" s="747"/>
    </row>
    <row r="111" spans="1:12" s="44" customFormat="1" ht="10.5" hidden="1" customHeight="1" x14ac:dyDescent="0.2">
      <c r="A111" s="146" t="s">
        <v>3</v>
      </c>
      <c r="B111" s="474">
        <v>0</v>
      </c>
      <c r="C111" s="474">
        <v>0</v>
      </c>
      <c r="D111" s="474">
        <v>0</v>
      </c>
      <c r="E111" s="474">
        <v>0</v>
      </c>
      <c r="F111" s="474">
        <v>0</v>
      </c>
      <c r="G111" s="474">
        <v>0</v>
      </c>
      <c r="H111" s="474">
        <v>0</v>
      </c>
      <c r="I111" s="474">
        <v>0</v>
      </c>
      <c r="J111" s="474">
        <v>0</v>
      </c>
      <c r="K111" s="718">
        <v>0</v>
      </c>
      <c r="L111" s="751"/>
    </row>
    <row r="112" spans="1:12" ht="10.5" hidden="1" customHeight="1" x14ac:dyDescent="0.2">
      <c r="A112" s="29" t="s">
        <v>1</v>
      </c>
      <c r="B112" s="426"/>
      <c r="C112" s="426"/>
      <c r="D112" s="425"/>
      <c r="E112" s="426"/>
      <c r="F112" s="425"/>
      <c r="G112" s="472"/>
      <c r="H112" s="472"/>
      <c r="I112" s="472"/>
      <c r="J112" s="425"/>
      <c r="K112" s="704"/>
      <c r="L112" s="752"/>
    </row>
    <row r="113" spans="1:12" ht="10.5" hidden="1" customHeight="1" x14ac:dyDescent="0.2">
      <c r="A113" s="29" t="s">
        <v>2</v>
      </c>
      <c r="B113" s="426"/>
      <c r="C113" s="426"/>
      <c r="D113" s="425"/>
      <c r="E113" s="426"/>
      <c r="F113" s="425"/>
      <c r="G113" s="472"/>
      <c r="H113" s="472"/>
      <c r="I113" s="472"/>
      <c r="J113" s="425"/>
      <c r="K113" s="704"/>
      <c r="L113" s="752"/>
    </row>
    <row r="114" spans="1:12" s="44" customFormat="1" ht="10.5" hidden="1" customHeight="1" x14ac:dyDescent="0.2">
      <c r="A114" s="146" t="s">
        <v>4</v>
      </c>
      <c r="B114" s="474">
        <v>0</v>
      </c>
      <c r="C114" s="474">
        <v>0</v>
      </c>
      <c r="D114" s="474">
        <v>0</v>
      </c>
      <c r="E114" s="474">
        <v>0</v>
      </c>
      <c r="F114" s="474">
        <v>0</v>
      </c>
      <c r="G114" s="474">
        <v>0</v>
      </c>
      <c r="H114" s="474">
        <v>0</v>
      </c>
      <c r="I114" s="474">
        <v>0</v>
      </c>
      <c r="J114" s="474">
        <v>0</v>
      </c>
      <c r="K114" s="716">
        <v>0</v>
      </c>
      <c r="L114" s="741"/>
    </row>
    <row r="115" spans="1:12" ht="10.5" hidden="1" customHeight="1" x14ac:dyDescent="0.2">
      <c r="A115" s="29" t="s">
        <v>1</v>
      </c>
      <c r="B115" s="426"/>
      <c r="C115" s="426"/>
      <c r="D115" s="425"/>
      <c r="E115" s="426"/>
      <c r="F115" s="425"/>
      <c r="G115" s="472"/>
      <c r="H115" s="472"/>
      <c r="I115" s="472"/>
      <c r="J115" s="425"/>
      <c r="K115" s="704"/>
      <c r="L115" s="752"/>
    </row>
    <row r="116" spans="1:12" ht="10.5" hidden="1" customHeight="1" x14ac:dyDescent="0.2">
      <c r="A116" s="30" t="s">
        <v>2</v>
      </c>
      <c r="B116" s="429"/>
      <c r="C116" s="429"/>
      <c r="D116" s="428"/>
      <c r="E116" s="429"/>
      <c r="F116" s="428"/>
      <c r="G116" s="475"/>
      <c r="H116" s="475"/>
      <c r="I116" s="475"/>
      <c r="J116" s="428"/>
      <c r="K116" s="714"/>
      <c r="L116" s="753"/>
    </row>
    <row r="117" spans="1:12" ht="10.5" x14ac:dyDescent="0.2">
      <c r="A117" s="150" t="s">
        <v>98</v>
      </c>
      <c r="B117" s="494">
        <v>13926525000</v>
      </c>
      <c r="C117" s="494">
        <v>15192104219.999998</v>
      </c>
      <c r="D117" s="494">
        <v>509283760.92999995</v>
      </c>
      <c r="E117" s="494">
        <v>11309343417.66</v>
      </c>
      <c r="F117" s="494">
        <v>3882760802.3399992</v>
      </c>
      <c r="G117" s="494">
        <v>1908260724.95</v>
      </c>
      <c r="H117" s="494">
        <v>7775120980.1599998</v>
      </c>
      <c r="I117" s="494">
        <v>7416983239.8399982</v>
      </c>
      <c r="J117" s="494">
        <v>7488211252.0199995</v>
      </c>
      <c r="K117" s="706">
        <v>0</v>
      </c>
      <c r="L117" s="748"/>
    </row>
    <row r="118" spans="1:12" ht="10.5" x14ac:dyDescent="0.2">
      <c r="A118" s="150" t="s">
        <v>99</v>
      </c>
      <c r="B118" s="470"/>
      <c r="C118" s="470"/>
      <c r="D118" s="470"/>
      <c r="E118" s="470"/>
      <c r="F118" s="470"/>
      <c r="G118" s="470"/>
      <c r="H118" s="471">
        <v>0</v>
      </c>
      <c r="I118" s="432"/>
      <c r="J118" s="495"/>
      <c r="K118" s="748"/>
      <c r="L118" s="748"/>
    </row>
    <row r="119" spans="1:12" ht="15" customHeight="1" x14ac:dyDescent="0.2">
      <c r="A119" s="61" t="s">
        <v>100</v>
      </c>
      <c r="B119" s="496">
        <v>13926525000</v>
      </c>
      <c r="C119" s="496">
        <v>15192104219.999998</v>
      </c>
      <c r="D119" s="496">
        <v>509283760.92999995</v>
      </c>
      <c r="E119" s="496">
        <v>11309343417.66</v>
      </c>
      <c r="F119" s="468">
        <v>3882760802.3399992</v>
      </c>
      <c r="G119" s="468">
        <v>1908260724.95</v>
      </c>
      <c r="H119" s="497">
        <v>7775120980.1599998</v>
      </c>
      <c r="I119" s="468">
        <v>7416983239.8399982</v>
      </c>
      <c r="J119" s="468">
        <v>7488211252.0199995</v>
      </c>
      <c r="K119" s="749">
        <v>0</v>
      </c>
      <c r="L119" s="750"/>
    </row>
    <row r="120" spans="1:12" ht="11.25" customHeight="1" x14ac:dyDescent="0.2">
      <c r="A120" s="45" t="s">
        <v>848</v>
      </c>
      <c r="K120" s="740"/>
      <c r="L120" s="740"/>
    </row>
    <row r="121" spans="1:12" ht="11.25" customHeight="1" x14ac:dyDescent="0.2">
      <c r="B121" s="456"/>
      <c r="C121" s="630"/>
      <c r="D121" s="205"/>
      <c r="H121" s="684"/>
    </row>
    <row r="122" spans="1:12" ht="11.25" customHeight="1" x14ac:dyDescent="0.2">
      <c r="B122" s="205"/>
      <c r="C122" s="205"/>
      <c r="D122" s="205"/>
      <c r="G122" s="205"/>
      <c r="H122" s="684"/>
    </row>
    <row r="123" spans="1:12" ht="11.25" customHeight="1" x14ac:dyDescent="0.2">
      <c r="C123" s="205"/>
      <c r="D123" s="205"/>
      <c r="E123" s="205"/>
      <c r="G123" s="205"/>
      <c r="H123" s="205"/>
    </row>
    <row r="124" spans="1:12" ht="11.25" customHeight="1" x14ac:dyDescent="0.2">
      <c r="B124" s="205"/>
      <c r="D124" s="205"/>
    </row>
    <row r="125" spans="1:12" ht="11.25" customHeight="1" x14ac:dyDescent="0.2">
      <c r="B125" s="205"/>
      <c r="D125" s="205"/>
      <c r="E125" s="205"/>
    </row>
    <row r="126" spans="1:12" ht="11.25" customHeight="1" x14ac:dyDescent="0.2">
      <c r="B126" s="205"/>
      <c r="D126" s="205"/>
    </row>
    <row r="127" spans="1:12" ht="11.25" customHeight="1" x14ac:dyDescent="0.2">
      <c r="D127" s="205"/>
    </row>
  </sheetData>
  <dataConsolidate/>
  <customSheetViews>
    <customSheetView guid="{C779D862-DE28-46CD-A428-4AAA1056D1E1}" showPageBreaks="1" showGridLines="0" fitToPage="1" printArea="1" hiddenRows="1" topLeftCell="B1">
      <selection activeCell="A7" sqref="A7:E7"/>
      <rowBreaks count="1" manualBreakCount="1">
        <brk id="97" max="16383" man="1"/>
      </rowBreaks>
      <pageMargins left="0.19685039370078741" right="0.19685039370078741" top="0.39370078740157483" bottom="0.19685039370078741" header="0" footer="0"/>
      <printOptions horizontalCentered="1"/>
      <pageSetup paperSize="9" scale="38" fitToHeight="2" orientation="portrait" r:id="rId1"/>
      <headerFooter alignWithMargins="0"/>
    </customSheetView>
    <customSheetView guid="{3AAF6A5F-F9AA-430B-9AD9-1261ECDF41B5}" showPageBreaks="1" showGridLines="0" fitToPage="1" printArea="1">
      <pane xSplit="1" ySplit="12" topLeftCell="B106" activePane="bottomRight" state="frozen"/>
      <selection pane="bottomRight" activeCell="F119" sqref="F119"/>
      <rowBreaks count="1" manualBreakCount="1">
        <brk id="97" max="16383" man="1"/>
      </rowBreaks>
      <pageMargins left="0.19685039370078741" right="0.19685039370078741" top="0.39370078740157483" bottom="0.19685039370078741" header="0" footer="0"/>
      <printOptions horizontalCentered="1"/>
      <pageSetup paperSize="9" scale="38" fitToHeight="2" orientation="portrait" r:id="rId2"/>
      <headerFooter alignWithMargins="0"/>
    </customSheetView>
    <customSheetView guid="{25EF1E0D-169B-4051-B414-7E1196FC05E4}" showPageBreaks="1" showGridLines="0" fitToPage="1" printArea="1" hiddenRows="1">
      <selection activeCell="H122" sqref="H122"/>
      <rowBreaks count="1" manualBreakCount="1">
        <brk id="97" max="16383" man="1"/>
      </rowBreaks>
      <pageMargins left="0.19685039370078741" right="0.19685039370078741" top="0.39370078740157483" bottom="0.19685039370078741" header="0" footer="0"/>
      <printOptions horizontalCentered="1"/>
      <pageSetup paperSize="9" scale="39" fitToHeight="2" orientation="portrait" r:id="rId3"/>
      <headerFooter alignWithMargins="0"/>
    </customSheetView>
    <customSheetView guid="{82EDB5A4-4824-4632-A540-7A52C92F04C7}" scale="86" showPageBreaks="1" showGridLines="0" fitToPage="1" printArea="1" hiddenRows="1" topLeftCell="A70">
      <selection activeCell="A108" sqref="A108"/>
      <rowBreaks count="1" manualBreakCount="1">
        <brk id="97" max="16383" man="1"/>
      </rowBreaks>
      <pageMargins left="0.19685039370078741" right="0.19685039370078741" top="0.39370078740157483" bottom="0.19685039370078741" header="0" footer="0"/>
      <printOptions horizontalCentered="1"/>
      <pageSetup paperSize="9" scale="39" fitToHeight="2" orientation="portrait" r:id="rId4"/>
      <headerFooter alignWithMargins="0"/>
    </customSheetView>
    <customSheetView guid="{15F968AB-9DD6-4E60-9FDC-FEF44C5FFDCB}" showPageBreaks="1" showGridLines="0" fitToPage="1" printArea="1" topLeftCell="B1">
      <selection activeCell="G123" sqref="G123"/>
      <rowBreaks count="1" manualBreakCount="1">
        <brk id="98" max="11" man="1"/>
      </rowBreaks>
      <pageMargins left="0.19685039370078741" right="0.19685039370078741" top="0.19685039370078741" bottom="0.19685039370078741" header="0" footer="0.19685039370078741"/>
      <printOptions horizontalCentered="1"/>
      <pageSetup paperSize="9" scale="37" orientation="portrait" r:id="rId5"/>
      <headerFooter alignWithMargins="0"/>
    </customSheetView>
    <customSheetView guid="{D5976633-8ECB-4B00-B200-C7467CF5B10F}" scale="90" showGridLines="0" fitToPage="1" topLeftCell="A130">
      <selection activeCell="A136" sqref="A136"/>
      <rowBreaks count="1" manualBreakCount="1">
        <brk id="98" max="11" man="1"/>
      </rowBreaks>
      <pageMargins left="0.19685039370078741" right="0.19685039370078741" top="0.19685039370078741" bottom="0.19685039370078741" header="0" footer="0.19685039370078741"/>
      <printOptions horizontalCentered="1"/>
      <pageSetup paperSize="9" scale="50" orientation="portrait" r:id="rId6"/>
      <headerFooter alignWithMargins="0"/>
    </customSheetView>
    <customSheetView guid="{B4FED47C-EE37-4843-A570-282D4F8229D4}" scale="90" showGridLines="0" fitToPage="1" topLeftCell="A7">
      <rowBreaks count="1" manualBreakCount="1">
        <brk id="97" max="16383" man="1"/>
      </rowBreaks>
      <pageMargins left="0.19685039370078741" right="0.19685039370078741" top="0.39370078740157483" bottom="0.19685039370078741" header="0" footer="0"/>
      <printOptions horizontalCentered="1"/>
      <pageSetup paperSize="9" scale="38" fitToHeight="2" orientation="portrait" r:id="rId7"/>
      <headerFooter alignWithMargins="0"/>
    </customSheetView>
    <customSheetView guid="{6DBFA32C-4AA4-4E1D-9A48-697377C64CC3}" showPageBreaks="1" showGridLines="0" fitToPage="1" printArea="1" topLeftCell="C91">
      <selection activeCell="G119" sqref="G119:H119"/>
      <rowBreaks count="1" manualBreakCount="1">
        <brk id="97" max="16383" man="1"/>
      </rowBreaks>
      <pageMargins left="0.19685039370078741" right="0.19685039370078741" top="0.39370078740157483" bottom="0.19685039370078741" header="0" footer="0"/>
      <printOptions horizontalCentered="1"/>
      <pageSetup paperSize="9" scale="39" fitToHeight="2" orientation="portrait" r:id="rId8"/>
      <headerFooter alignWithMargins="0"/>
    </customSheetView>
    <customSheetView guid="{09DEEE52-8A8D-4F12-80E3-55185B30DF10}" showGridLines="0" fitToPage="1" hiddenRows="1">
      <rowBreaks count="1" manualBreakCount="1">
        <brk id="97" max="16383" man="1"/>
      </rowBreaks>
      <pageMargins left="0.19685039370078741" right="0.19685039370078741" top="0.39370078740157483" bottom="0.19685039370078741" header="0" footer="0"/>
      <printOptions horizontalCentered="1"/>
      <pageSetup paperSize="9" scale="38" fitToHeight="2" orientation="portrait" r:id="rId9"/>
      <headerFooter alignWithMargins="0"/>
    </customSheetView>
  </customSheetViews>
  <mergeCells count="351">
    <mergeCell ref="I67:J67"/>
    <mergeCell ref="I68:J68"/>
    <mergeCell ref="I69:J69"/>
    <mergeCell ref="I70:J70"/>
    <mergeCell ref="I71:J71"/>
    <mergeCell ref="I81:J81"/>
    <mergeCell ref="I82:J82"/>
    <mergeCell ref="I87:J87"/>
    <mergeCell ref="I88:J88"/>
    <mergeCell ref="I72:J72"/>
    <mergeCell ref="I73:J73"/>
    <mergeCell ref="I74:J74"/>
    <mergeCell ref="I75:J75"/>
    <mergeCell ref="I76:J76"/>
    <mergeCell ref="I77:J77"/>
    <mergeCell ref="I78:J78"/>
    <mergeCell ref="I79:J79"/>
    <mergeCell ref="I80:J80"/>
    <mergeCell ref="I83:J83"/>
    <mergeCell ref="I84:J84"/>
    <mergeCell ref="I58:J58"/>
    <mergeCell ref="I59:J59"/>
    <mergeCell ref="I60:J60"/>
    <mergeCell ref="I61:J61"/>
    <mergeCell ref="I62:J62"/>
    <mergeCell ref="I63:J63"/>
    <mergeCell ref="I64:J64"/>
    <mergeCell ref="I65:J65"/>
    <mergeCell ref="I66:J66"/>
    <mergeCell ref="I49:J49"/>
    <mergeCell ref="I50:J50"/>
    <mergeCell ref="I51:J51"/>
    <mergeCell ref="I52:J52"/>
    <mergeCell ref="I53:J53"/>
    <mergeCell ref="I54:J54"/>
    <mergeCell ref="I55:J55"/>
    <mergeCell ref="I56:J56"/>
    <mergeCell ref="I57:J57"/>
    <mergeCell ref="I40:J40"/>
    <mergeCell ref="I41:J41"/>
    <mergeCell ref="I42:J42"/>
    <mergeCell ref="I43:J43"/>
    <mergeCell ref="I44:J44"/>
    <mergeCell ref="I45:J45"/>
    <mergeCell ref="I46:J46"/>
    <mergeCell ref="I47:J47"/>
    <mergeCell ref="I48:J48"/>
    <mergeCell ref="I22:J22"/>
    <mergeCell ref="I23:J23"/>
    <mergeCell ref="I24:J24"/>
    <mergeCell ref="I25:J25"/>
    <mergeCell ref="I26:J26"/>
    <mergeCell ref="I27:J27"/>
    <mergeCell ref="I28:J28"/>
    <mergeCell ref="I29:J29"/>
    <mergeCell ref="I30:J30"/>
    <mergeCell ref="I13:J13"/>
    <mergeCell ref="I14:J14"/>
    <mergeCell ref="I15:J15"/>
    <mergeCell ref="I16:J16"/>
    <mergeCell ref="I17:J17"/>
    <mergeCell ref="I18:J18"/>
    <mergeCell ref="I19:J19"/>
    <mergeCell ref="I20:J20"/>
    <mergeCell ref="I21:J21"/>
    <mergeCell ref="F76:G76"/>
    <mergeCell ref="F77:G77"/>
    <mergeCell ref="F78:G78"/>
    <mergeCell ref="F79:G79"/>
    <mergeCell ref="F80:G80"/>
    <mergeCell ref="F81:G81"/>
    <mergeCell ref="F82:G82"/>
    <mergeCell ref="F87:G87"/>
    <mergeCell ref="F88:G88"/>
    <mergeCell ref="F84:G84"/>
    <mergeCell ref="F83:G83"/>
    <mergeCell ref="F67:G67"/>
    <mergeCell ref="F68:G68"/>
    <mergeCell ref="F69:G69"/>
    <mergeCell ref="F70:G70"/>
    <mergeCell ref="F71:G71"/>
    <mergeCell ref="F72:G72"/>
    <mergeCell ref="F73:G73"/>
    <mergeCell ref="F74:G74"/>
    <mergeCell ref="F75:G75"/>
    <mergeCell ref="F58:G58"/>
    <mergeCell ref="F59:G59"/>
    <mergeCell ref="F60:G60"/>
    <mergeCell ref="F61:G61"/>
    <mergeCell ref="F62:G62"/>
    <mergeCell ref="F63:G63"/>
    <mergeCell ref="F64:G64"/>
    <mergeCell ref="F65:G65"/>
    <mergeCell ref="F66:G66"/>
    <mergeCell ref="F49:G49"/>
    <mergeCell ref="F50:G50"/>
    <mergeCell ref="F51:G51"/>
    <mergeCell ref="F52:G52"/>
    <mergeCell ref="F53:G53"/>
    <mergeCell ref="F54:G54"/>
    <mergeCell ref="F55:G55"/>
    <mergeCell ref="F56:G56"/>
    <mergeCell ref="F57:G57"/>
    <mergeCell ref="F40:G40"/>
    <mergeCell ref="F41:G41"/>
    <mergeCell ref="F42:G42"/>
    <mergeCell ref="F43:G43"/>
    <mergeCell ref="F44:G44"/>
    <mergeCell ref="F45:G45"/>
    <mergeCell ref="F46:G46"/>
    <mergeCell ref="F47:G47"/>
    <mergeCell ref="F48:G48"/>
    <mergeCell ref="F22:G22"/>
    <mergeCell ref="F23:G23"/>
    <mergeCell ref="F24:G24"/>
    <mergeCell ref="F25:G25"/>
    <mergeCell ref="F26:G26"/>
    <mergeCell ref="F27:G27"/>
    <mergeCell ref="F28:G28"/>
    <mergeCell ref="F29:G29"/>
    <mergeCell ref="F30:G30"/>
    <mergeCell ref="F13:G13"/>
    <mergeCell ref="F14:G14"/>
    <mergeCell ref="F15:G15"/>
    <mergeCell ref="F16:G16"/>
    <mergeCell ref="F17:G17"/>
    <mergeCell ref="F18:G18"/>
    <mergeCell ref="F19:G19"/>
    <mergeCell ref="F20:G20"/>
    <mergeCell ref="F21:G21"/>
    <mergeCell ref="D67:E67"/>
    <mergeCell ref="D68:E68"/>
    <mergeCell ref="D69:E69"/>
    <mergeCell ref="D70:E70"/>
    <mergeCell ref="D71:E71"/>
    <mergeCell ref="D72:E72"/>
    <mergeCell ref="D73:E73"/>
    <mergeCell ref="D74:E74"/>
    <mergeCell ref="D75:E75"/>
    <mergeCell ref="D58:E58"/>
    <mergeCell ref="D59:E59"/>
    <mergeCell ref="D60:E60"/>
    <mergeCell ref="D61:E61"/>
    <mergeCell ref="D62:E62"/>
    <mergeCell ref="D63:E63"/>
    <mergeCell ref="D64:E64"/>
    <mergeCell ref="D65:E65"/>
    <mergeCell ref="D66:E66"/>
    <mergeCell ref="D49:E49"/>
    <mergeCell ref="D50:E50"/>
    <mergeCell ref="D51:E51"/>
    <mergeCell ref="D52:E52"/>
    <mergeCell ref="D53:E53"/>
    <mergeCell ref="D54:E54"/>
    <mergeCell ref="D55:E55"/>
    <mergeCell ref="D56:E56"/>
    <mergeCell ref="D57:E57"/>
    <mergeCell ref="D40:E40"/>
    <mergeCell ref="D41:E41"/>
    <mergeCell ref="D42:E42"/>
    <mergeCell ref="D43:E43"/>
    <mergeCell ref="D44:E44"/>
    <mergeCell ref="D45:E45"/>
    <mergeCell ref="D46:E46"/>
    <mergeCell ref="D47:E47"/>
    <mergeCell ref="D48:E48"/>
    <mergeCell ref="D18:E18"/>
    <mergeCell ref="D19:E19"/>
    <mergeCell ref="D20:E20"/>
    <mergeCell ref="D21:E21"/>
    <mergeCell ref="D26:E26"/>
    <mergeCell ref="D27:E27"/>
    <mergeCell ref="D29:E29"/>
    <mergeCell ref="D30:E30"/>
    <mergeCell ref="D31:E31"/>
    <mergeCell ref="B85:C85"/>
    <mergeCell ref="I85:J85"/>
    <mergeCell ref="B86:C86"/>
    <mergeCell ref="K98:L98"/>
    <mergeCell ref="K99:L99"/>
    <mergeCell ref="K100:L100"/>
    <mergeCell ref="K101:L101"/>
    <mergeCell ref="G91:H91"/>
    <mergeCell ref="K91:L94"/>
    <mergeCell ref="K95:L95"/>
    <mergeCell ref="K97:L97"/>
    <mergeCell ref="D91:E91"/>
    <mergeCell ref="F86:G86"/>
    <mergeCell ref="D86:E86"/>
    <mergeCell ref="D88:E88"/>
    <mergeCell ref="D85:E85"/>
    <mergeCell ref="D87:E87"/>
    <mergeCell ref="B87:C87"/>
    <mergeCell ref="B88:C88"/>
    <mergeCell ref="F85:G85"/>
    <mergeCell ref="I86:J86"/>
    <mergeCell ref="K120:L120"/>
    <mergeCell ref="K96:L96"/>
    <mergeCell ref="J91:J93"/>
    <mergeCell ref="A91:A94"/>
    <mergeCell ref="K109:L109"/>
    <mergeCell ref="K118:L118"/>
    <mergeCell ref="K119:L119"/>
    <mergeCell ref="K117:L117"/>
    <mergeCell ref="K111:L111"/>
    <mergeCell ref="K112:L112"/>
    <mergeCell ref="K113:L113"/>
    <mergeCell ref="K114:L114"/>
    <mergeCell ref="K115:L115"/>
    <mergeCell ref="K116:L116"/>
    <mergeCell ref="K107:L107"/>
    <mergeCell ref="K108:L108"/>
    <mergeCell ref="K110:L110"/>
    <mergeCell ref="K102:L102"/>
    <mergeCell ref="K103:L103"/>
    <mergeCell ref="K104:L104"/>
    <mergeCell ref="K105:L105"/>
    <mergeCell ref="K106:L106"/>
    <mergeCell ref="F91:F93"/>
    <mergeCell ref="I91:I93"/>
    <mergeCell ref="A3:L3"/>
    <mergeCell ref="A4:L4"/>
    <mergeCell ref="A5:L5"/>
    <mergeCell ref="A6:L6"/>
    <mergeCell ref="A7:L7"/>
    <mergeCell ref="I12:J12"/>
    <mergeCell ref="F11:G11"/>
    <mergeCell ref="D10:E11"/>
    <mergeCell ref="F10:K10"/>
    <mergeCell ref="L10:L11"/>
    <mergeCell ref="B10:C12"/>
    <mergeCell ref="I11:J11"/>
    <mergeCell ref="F12:G12"/>
    <mergeCell ref="D12:E12"/>
    <mergeCell ref="A10:A12"/>
    <mergeCell ref="B15:C15"/>
    <mergeCell ref="B21:C21"/>
    <mergeCell ref="B13:C13"/>
    <mergeCell ref="B14:C14"/>
    <mergeCell ref="B19:C19"/>
    <mergeCell ref="B20:C20"/>
    <mergeCell ref="D22:E22"/>
    <mergeCell ref="B28:C28"/>
    <mergeCell ref="D28:E28"/>
    <mergeCell ref="B23:C23"/>
    <mergeCell ref="D23:E23"/>
    <mergeCell ref="B24:C24"/>
    <mergeCell ref="D24:E24"/>
    <mergeCell ref="B25:C25"/>
    <mergeCell ref="D25:E25"/>
    <mergeCell ref="B22:C22"/>
    <mergeCell ref="B17:C17"/>
    <mergeCell ref="B18:C18"/>
    <mergeCell ref="B16:C16"/>
    <mergeCell ref="D13:E13"/>
    <mergeCell ref="D14:E14"/>
    <mergeCell ref="D15:E15"/>
    <mergeCell ref="D16:E16"/>
    <mergeCell ref="D17:E17"/>
    <mergeCell ref="B26:C26"/>
    <mergeCell ref="B31:C31"/>
    <mergeCell ref="B29:C29"/>
    <mergeCell ref="B30:C30"/>
    <mergeCell ref="B27:C27"/>
    <mergeCell ref="I33:J33"/>
    <mergeCell ref="B34:C34"/>
    <mergeCell ref="D34:E34"/>
    <mergeCell ref="F34:G34"/>
    <mergeCell ref="I34:J34"/>
    <mergeCell ref="B33:C33"/>
    <mergeCell ref="D33:E33"/>
    <mergeCell ref="F33:G33"/>
    <mergeCell ref="D32:E32"/>
    <mergeCell ref="F31:G31"/>
    <mergeCell ref="F32:G32"/>
    <mergeCell ref="I31:J31"/>
    <mergeCell ref="I32:J32"/>
    <mergeCell ref="D37:E37"/>
    <mergeCell ref="F37:G37"/>
    <mergeCell ref="I37:J37"/>
    <mergeCell ref="B36:C36"/>
    <mergeCell ref="D36:E36"/>
    <mergeCell ref="F36:G36"/>
    <mergeCell ref="I36:J36"/>
    <mergeCell ref="B39:C39"/>
    <mergeCell ref="B32:C32"/>
    <mergeCell ref="D35:E35"/>
    <mergeCell ref="D38:E38"/>
    <mergeCell ref="D39:E39"/>
    <mergeCell ref="F35:G35"/>
    <mergeCell ref="F38:G38"/>
    <mergeCell ref="F39:G39"/>
    <mergeCell ref="I35:J35"/>
    <mergeCell ref="I38:J38"/>
    <mergeCell ref="I39:J39"/>
    <mergeCell ref="B40:C40"/>
    <mergeCell ref="B35:C35"/>
    <mergeCell ref="B38:C38"/>
    <mergeCell ref="B43:C43"/>
    <mergeCell ref="B44:C44"/>
    <mergeCell ref="B41:C41"/>
    <mergeCell ref="B42:C42"/>
    <mergeCell ref="B47:C47"/>
    <mergeCell ref="B48:C48"/>
    <mergeCell ref="B45:C45"/>
    <mergeCell ref="B46:C46"/>
    <mergeCell ref="B37:C37"/>
    <mergeCell ref="B51:C51"/>
    <mergeCell ref="B52:C52"/>
    <mergeCell ref="B49:C49"/>
    <mergeCell ref="B50:C50"/>
    <mergeCell ref="B55:C55"/>
    <mergeCell ref="B56:C56"/>
    <mergeCell ref="B53:C53"/>
    <mergeCell ref="B54:C54"/>
    <mergeCell ref="B59:C59"/>
    <mergeCell ref="B60:C60"/>
    <mergeCell ref="B57:C57"/>
    <mergeCell ref="B58:C58"/>
    <mergeCell ref="B63:C63"/>
    <mergeCell ref="B64:C64"/>
    <mergeCell ref="B61:C61"/>
    <mergeCell ref="B62:C62"/>
    <mergeCell ref="B67:C67"/>
    <mergeCell ref="B68:C68"/>
    <mergeCell ref="B65:C65"/>
    <mergeCell ref="B66:C66"/>
    <mergeCell ref="B71:C71"/>
    <mergeCell ref="B72:C72"/>
    <mergeCell ref="B69:C69"/>
    <mergeCell ref="B70:C70"/>
    <mergeCell ref="B75:C75"/>
    <mergeCell ref="B73:C73"/>
    <mergeCell ref="B74:C74"/>
    <mergeCell ref="B84:C84"/>
    <mergeCell ref="D84:E84"/>
    <mergeCell ref="B83:C83"/>
    <mergeCell ref="D83:E83"/>
    <mergeCell ref="B76:C76"/>
    <mergeCell ref="B77:C77"/>
    <mergeCell ref="B78:C78"/>
    <mergeCell ref="B79:C79"/>
    <mergeCell ref="B80:C80"/>
    <mergeCell ref="B81:C81"/>
    <mergeCell ref="D76:E76"/>
    <mergeCell ref="D77:E77"/>
    <mergeCell ref="D78:E78"/>
    <mergeCell ref="D79:E79"/>
    <mergeCell ref="D80:E80"/>
    <mergeCell ref="D81:E81"/>
    <mergeCell ref="D82:E82"/>
  </mergeCells>
  <phoneticPr fontId="1" type="noConversion"/>
  <printOptions horizontalCentered="1"/>
  <pageMargins left="0.19685039370078741" right="0.19685039370078741" top="0.39370078740157483" bottom="0.19685039370078741" header="0" footer="0"/>
  <pageSetup paperSize="9" scale="38" fitToHeight="2" orientation="portrait" r:id="rId10"/>
  <headerFooter alignWithMargins="0"/>
  <rowBreaks count="1" manualBreakCount="1">
    <brk id="97" max="16383" man="1"/>
  </rowBreaks>
  <drawing r:id="rId1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1">
    <pageSetUpPr fitToPage="1"/>
  </sheetPr>
  <dimension ref="A1:G103"/>
  <sheetViews>
    <sheetView showGridLines="0" zoomScaleNormal="100" workbookViewId="0"/>
  </sheetViews>
  <sheetFormatPr defaultColWidth="3.28515625" defaultRowHeight="11.25" customHeight="1" x14ac:dyDescent="0.2"/>
  <cols>
    <col min="1" max="1" width="56.7109375" style="45" customWidth="1"/>
    <col min="2" max="3" width="19.140625" style="45" customWidth="1"/>
    <col min="4" max="4" width="20.140625" style="45" customWidth="1"/>
    <col min="5" max="5" width="17.28515625" style="45" customWidth="1"/>
    <col min="6" max="6" width="17.28515625" style="45" bestFit="1" customWidth="1"/>
    <col min="7" max="7" width="18.140625" style="45" bestFit="1" customWidth="1"/>
    <col min="8" max="16384" width="3.28515625" style="1"/>
  </cols>
  <sheetData>
    <row r="1" spans="1:7" s="26" customFormat="1" ht="14.25" x14ac:dyDescent="0.2">
      <c r="A1" s="346"/>
      <c r="B1" s="346"/>
      <c r="C1" s="346"/>
      <c r="D1" s="346"/>
      <c r="E1" s="346"/>
      <c r="F1" s="346"/>
      <c r="G1" s="346"/>
    </row>
    <row r="2" spans="1:7" s="26" customFormat="1" ht="14.25" x14ac:dyDescent="0.2">
      <c r="A2" s="346"/>
      <c r="B2" s="346"/>
      <c r="C2" s="346"/>
      <c r="D2" s="346"/>
      <c r="E2" s="346"/>
      <c r="F2" s="346"/>
      <c r="G2" s="346"/>
    </row>
    <row r="3" spans="1:7" s="45" customFormat="1" ht="10.5" x14ac:dyDescent="0.2">
      <c r="A3" s="720" t="s">
        <v>638</v>
      </c>
      <c r="B3" s="720"/>
      <c r="C3" s="720"/>
      <c r="D3" s="720"/>
      <c r="E3" s="720"/>
      <c r="F3" s="720"/>
      <c r="G3" s="720"/>
    </row>
    <row r="4" spans="1:7" s="45" customFormat="1" ht="10.5" x14ac:dyDescent="0.2">
      <c r="A4" s="720" t="s">
        <v>105</v>
      </c>
      <c r="B4" s="720"/>
      <c r="C4" s="720"/>
      <c r="D4" s="720"/>
      <c r="E4" s="720"/>
      <c r="F4" s="720"/>
      <c r="G4" s="720"/>
    </row>
    <row r="5" spans="1:7" s="45" customFormat="1" ht="10.5" x14ac:dyDescent="0.2">
      <c r="A5" s="720" t="s">
        <v>211</v>
      </c>
      <c r="B5" s="720"/>
      <c r="C5" s="720"/>
      <c r="D5" s="720"/>
      <c r="E5" s="720"/>
      <c r="F5" s="720"/>
      <c r="G5" s="720"/>
    </row>
    <row r="6" spans="1:7" s="45" customFormat="1" ht="10.5" customHeight="1" x14ac:dyDescent="0.2">
      <c r="A6" s="720" t="s">
        <v>107</v>
      </c>
      <c r="B6" s="720"/>
      <c r="C6" s="720"/>
      <c r="D6" s="720"/>
      <c r="E6" s="720"/>
      <c r="F6" s="720"/>
      <c r="G6" s="720"/>
    </row>
    <row r="7" spans="1:7" s="45" customFormat="1" ht="10.5" customHeight="1" x14ac:dyDescent="0.2">
      <c r="A7" s="720" t="s">
        <v>891</v>
      </c>
      <c r="B7" s="720"/>
      <c r="C7" s="720"/>
      <c r="D7" s="720"/>
      <c r="E7" s="720"/>
      <c r="F7" s="720"/>
      <c r="G7" s="720"/>
    </row>
    <row r="8" spans="1:7" s="26" customFormat="1" ht="10.5" x14ac:dyDescent="0.2"/>
    <row r="9" spans="1:7" s="26" customFormat="1" ht="10.5" x14ac:dyDescent="0.2">
      <c r="A9" s="125" t="s">
        <v>367</v>
      </c>
      <c r="G9" s="229">
        <v>1</v>
      </c>
    </row>
    <row r="10" spans="1:7" ht="15" customHeight="1" x14ac:dyDescent="0.2">
      <c r="A10" s="781" t="s">
        <v>213</v>
      </c>
      <c r="B10" s="729" t="s">
        <v>313</v>
      </c>
      <c r="C10" s="730"/>
      <c r="D10" s="730"/>
      <c r="E10" s="730"/>
      <c r="F10" s="730"/>
      <c r="G10" s="730"/>
    </row>
    <row r="11" spans="1:7" ht="15" customHeight="1" x14ac:dyDescent="0.2">
      <c r="A11" s="784"/>
      <c r="B11" s="729" t="s">
        <v>212</v>
      </c>
      <c r="C11" s="871"/>
      <c r="D11" s="782" t="s">
        <v>428</v>
      </c>
      <c r="E11" s="782" t="s">
        <v>218</v>
      </c>
      <c r="F11" s="782" t="s">
        <v>217</v>
      </c>
      <c r="G11" s="872" t="s">
        <v>427</v>
      </c>
    </row>
    <row r="12" spans="1:7" ht="10.5" customHeight="1" x14ac:dyDescent="0.2">
      <c r="A12" s="784"/>
      <c r="B12" s="218" t="s">
        <v>312</v>
      </c>
      <c r="C12" s="216" t="s">
        <v>214</v>
      </c>
      <c r="D12" s="807"/>
      <c r="E12" s="807"/>
      <c r="F12" s="807"/>
      <c r="G12" s="873"/>
    </row>
    <row r="13" spans="1:7" ht="10.5" x14ac:dyDescent="0.2">
      <c r="A13" s="784"/>
      <c r="B13" s="216" t="s">
        <v>215</v>
      </c>
      <c r="C13" s="216" t="s">
        <v>216</v>
      </c>
      <c r="D13" s="807"/>
      <c r="E13" s="807"/>
      <c r="F13" s="807"/>
      <c r="G13" s="873" t="s">
        <v>116</v>
      </c>
    </row>
    <row r="14" spans="1:7" ht="13.5" customHeight="1" x14ac:dyDescent="0.2">
      <c r="A14" s="785"/>
      <c r="B14" s="214" t="s">
        <v>219</v>
      </c>
      <c r="C14" s="214">
        <v>2015</v>
      </c>
      <c r="D14" s="783"/>
      <c r="E14" s="783"/>
      <c r="F14" s="783"/>
      <c r="G14" s="874"/>
    </row>
    <row r="15" spans="1:7" s="66" customFormat="1" ht="15" customHeight="1" x14ac:dyDescent="0.2">
      <c r="A15" s="223" t="s">
        <v>101</v>
      </c>
      <c r="B15" s="321">
        <v>14333847.229999999</v>
      </c>
      <c r="C15" s="321">
        <v>483413917.74000001</v>
      </c>
      <c r="D15" s="321">
        <v>207906317.56999996</v>
      </c>
      <c r="E15" s="321">
        <v>207931002.08000004</v>
      </c>
      <c r="F15" s="321">
        <v>135625107.80000001</v>
      </c>
      <c r="G15" s="486">
        <v>154191655.09000003</v>
      </c>
    </row>
    <row r="16" spans="1:7" ht="10.5" x14ac:dyDescent="0.2">
      <c r="A16" s="26"/>
      <c r="B16" s="530"/>
      <c r="C16" s="530"/>
      <c r="D16" s="530"/>
      <c r="E16" s="530"/>
      <c r="F16" s="532"/>
      <c r="G16" s="532"/>
    </row>
    <row r="17" spans="1:7" s="66" customFormat="1" ht="10.5" x14ac:dyDescent="0.2">
      <c r="A17" s="223" t="s">
        <v>762</v>
      </c>
      <c r="B17" s="321">
        <v>14267825.689999999</v>
      </c>
      <c r="C17" s="321">
        <v>461435150.05000001</v>
      </c>
      <c r="D17" s="321">
        <v>190652402.11999997</v>
      </c>
      <c r="E17" s="541">
        <v>189660290.52000001</v>
      </c>
      <c r="F17" s="321">
        <v>134794683.72</v>
      </c>
      <c r="G17" s="480">
        <v>151248001.50000003</v>
      </c>
    </row>
    <row r="18" spans="1:7" ht="10.5" x14ac:dyDescent="0.2">
      <c r="A18" s="26"/>
      <c r="B18" s="530"/>
      <c r="C18" s="530"/>
      <c r="D18" s="530"/>
      <c r="E18" s="530"/>
      <c r="F18" s="532"/>
      <c r="G18" s="532"/>
    </row>
    <row r="19" spans="1:7" s="66" customFormat="1" ht="10.5" x14ac:dyDescent="0.2">
      <c r="A19" s="231" t="s">
        <v>763</v>
      </c>
      <c r="B19" s="321">
        <v>0</v>
      </c>
      <c r="C19" s="321">
        <v>2405217.27</v>
      </c>
      <c r="D19" s="321">
        <v>2405217.27</v>
      </c>
      <c r="E19" s="321">
        <v>2405217.27</v>
      </c>
      <c r="F19" s="321">
        <v>0</v>
      </c>
      <c r="G19" s="480">
        <v>0</v>
      </c>
    </row>
    <row r="20" spans="1:7" ht="10.5" x14ac:dyDescent="0.2">
      <c r="A20" s="126" t="s">
        <v>764</v>
      </c>
      <c r="B20" s="321">
        <v>0</v>
      </c>
      <c r="C20" s="542">
        <v>0</v>
      </c>
      <c r="D20" s="542">
        <v>0</v>
      </c>
      <c r="E20" s="542">
        <v>0</v>
      </c>
      <c r="F20" s="543">
        <v>0</v>
      </c>
      <c r="G20" s="480">
        <v>0</v>
      </c>
    </row>
    <row r="21" spans="1:7" ht="10.5" x14ac:dyDescent="0.2">
      <c r="A21" s="126" t="s">
        <v>765</v>
      </c>
      <c r="B21" s="321">
        <v>0</v>
      </c>
      <c r="C21" s="530">
        <v>781317.27</v>
      </c>
      <c r="D21" s="530">
        <v>781317.27</v>
      </c>
      <c r="E21" s="530">
        <v>781317.27</v>
      </c>
      <c r="F21" s="532">
        <v>0</v>
      </c>
      <c r="G21" s="480">
        <v>0</v>
      </c>
    </row>
    <row r="22" spans="1:7" ht="10.5" x14ac:dyDescent="0.2">
      <c r="A22" s="126" t="s">
        <v>766</v>
      </c>
      <c r="B22" s="321">
        <v>0</v>
      </c>
      <c r="C22" s="530">
        <v>1623900</v>
      </c>
      <c r="D22" s="530">
        <v>1623900</v>
      </c>
      <c r="E22" s="530">
        <v>1623900</v>
      </c>
      <c r="F22" s="532">
        <v>0</v>
      </c>
      <c r="G22" s="532">
        <v>0</v>
      </c>
    </row>
    <row r="23" spans="1:7" ht="10.5" x14ac:dyDescent="0.2">
      <c r="A23" s="26"/>
      <c r="B23" s="321"/>
      <c r="C23" s="530"/>
      <c r="D23" s="530"/>
      <c r="E23" s="530"/>
      <c r="F23" s="532"/>
      <c r="G23" s="532"/>
    </row>
    <row r="24" spans="1:7" s="66" customFormat="1" ht="10.5" x14ac:dyDescent="0.2">
      <c r="A24" s="231" t="s">
        <v>767</v>
      </c>
      <c r="B24" s="321">
        <v>66021.539999999994</v>
      </c>
      <c r="C24" s="321">
        <v>5174126.4400000004</v>
      </c>
      <c r="D24" s="321">
        <v>2847751.39</v>
      </c>
      <c r="E24" s="321">
        <v>2817292.93</v>
      </c>
      <c r="F24" s="321">
        <v>455373.84</v>
      </c>
      <c r="G24" s="480">
        <v>1967481.2100000002</v>
      </c>
    </row>
    <row r="25" spans="1:7" ht="10.5" x14ac:dyDescent="0.2">
      <c r="A25" s="126" t="s">
        <v>768</v>
      </c>
      <c r="B25" s="321"/>
      <c r="C25" s="530">
        <v>0</v>
      </c>
      <c r="D25" s="530">
        <v>0</v>
      </c>
      <c r="E25" s="530">
        <v>0</v>
      </c>
      <c r="F25" s="532">
        <v>0</v>
      </c>
      <c r="G25" s="532">
        <v>0</v>
      </c>
    </row>
    <row r="26" spans="1:7" s="222" customFormat="1" ht="10.5" x14ac:dyDescent="0.2">
      <c r="A26" s="126" t="s">
        <v>769</v>
      </c>
      <c r="B26" s="530">
        <v>66021.539999999994</v>
      </c>
      <c r="C26" s="530">
        <v>5174126.4400000004</v>
      </c>
      <c r="D26" s="530">
        <v>2847751.39</v>
      </c>
      <c r="E26" s="530">
        <v>2817292.93</v>
      </c>
      <c r="F26" s="532">
        <v>455373.84</v>
      </c>
      <c r="G26" s="532">
        <v>1967481.2100000002</v>
      </c>
    </row>
    <row r="27" spans="1:7" s="222" customFormat="1" ht="10.5" x14ac:dyDescent="0.2">
      <c r="A27" s="26"/>
      <c r="B27" s="321"/>
      <c r="C27" s="530"/>
      <c r="D27" s="530"/>
      <c r="E27" s="530"/>
      <c r="F27" s="532"/>
      <c r="G27" s="532"/>
    </row>
    <row r="28" spans="1:7" s="66" customFormat="1" ht="10.5" x14ac:dyDescent="0.2">
      <c r="A28" s="231" t="s">
        <v>230</v>
      </c>
      <c r="B28" s="321">
        <v>0</v>
      </c>
      <c r="C28" s="321">
        <v>14399423.979999999</v>
      </c>
      <c r="D28" s="321">
        <v>12000946.789999999</v>
      </c>
      <c r="E28" s="321">
        <v>13048201.359999999</v>
      </c>
      <c r="F28" s="321">
        <v>375050.23999999999</v>
      </c>
      <c r="G28" s="480">
        <v>976172.37999999919</v>
      </c>
    </row>
    <row r="29" spans="1:7" s="222" customFormat="1" ht="10.5" x14ac:dyDescent="0.2">
      <c r="A29" s="126" t="s">
        <v>770</v>
      </c>
      <c r="B29" s="530">
        <v>0</v>
      </c>
      <c r="C29" s="530">
        <v>14356092.779999999</v>
      </c>
      <c r="D29" s="530">
        <v>11988485.59</v>
      </c>
      <c r="E29" s="530">
        <v>13035740.16</v>
      </c>
      <c r="F29" s="532">
        <v>374732.24</v>
      </c>
      <c r="G29" s="532">
        <v>945620.37999999919</v>
      </c>
    </row>
    <row r="30" spans="1:7" s="222" customFormat="1" ht="10.5" x14ac:dyDescent="0.2">
      <c r="A30" s="126" t="s">
        <v>771</v>
      </c>
      <c r="B30" s="530">
        <v>0</v>
      </c>
      <c r="C30" s="530">
        <v>43331.199999999997</v>
      </c>
      <c r="D30" s="530">
        <v>12461.2</v>
      </c>
      <c r="E30" s="530">
        <v>12461.2</v>
      </c>
      <c r="F30" s="532">
        <v>318</v>
      </c>
      <c r="G30" s="532">
        <v>30551.999999999996</v>
      </c>
    </row>
    <row r="31" spans="1:7" s="222" customFormat="1" ht="10.5" x14ac:dyDescent="0.2">
      <c r="A31" s="26"/>
      <c r="B31" s="321"/>
      <c r="C31" s="530"/>
      <c r="D31" s="530" t="s">
        <v>884</v>
      </c>
      <c r="E31" s="530"/>
      <c r="F31" s="532"/>
      <c r="G31" s="480"/>
    </row>
    <row r="32" spans="1:7" s="66" customFormat="1" ht="10.5" x14ac:dyDescent="0.2">
      <c r="A32" s="231" t="s">
        <v>102</v>
      </c>
      <c r="B32" s="321">
        <v>0</v>
      </c>
      <c r="C32" s="321">
        <v>15513182.24</v>
      </c>
      <c r="D32" s="321">
        <v>13297355.02</v>
      </c>
      <c r="E32" s="321">
        <v>12469285.48</v>
      </c>
      <c r="F32" s="321">
        <v>21952.11</v>
      </c>
      <c r="G32" s="480">
        <v>3021944.65</v>
      </c>
    </row>
    <row r="33" spans="1:7" s="222" customFormat="1" ht="10.5" x14ac:dyDescent="0.2">
      <c r="A33" s="231"/>
      <c r="B33" s="321"/>
      <c r="C33" s="530"/>
      <c r="D33" s="530"/>
      <c r="E33" s="530"/>
      <c r="F33" s="532"/>
      <c r="G33" s="480"/>
    </row>
    <row r="34" spans="1:7" s="66" customFormat="1" ht="10.5" x14ac:dyDescent="0.2">
      <c r="A34" s="231" t="s">
        <v>762</v>
      </c>
      <c r="B34" s="321">
        <v>0</v>
      </c>
      <c r="C34" s="321">
        <v>15513182.24</v>
      </c>
      <c r="D34" s="321">
        <v>13297355.02</v>
      </c>
      <c r="E34" s="321">
        <v>12469285.48</v>
      </c>
      <c r="F34" s="480">
        <v>21952.11</v>
      </c>
      <c r="G34" s="480">
        <v>3021944.65</v>
      </c>
    </row>
    <row r="35" spans="1:7" s="222" customFormat="1" ht="10.5" x14ac:dyDescent="0.2">
      <c r="A35" s="231"/>
      <c r="B35" s="321"/>
      <c r="C35" s="530"/>
      <c r="D35" s="530"/>
      <c r="E35" s="530"/>
      <c r="F35" s="532"/>
      <c r="G35" s="532"/>
    </row>
    <row r="36" spans="1:7" s="66" customFormat="1" ht="10.5" x14ac:dyDescent="0.2">
      <c r="A36" s="231" t="s">
        <v>763</v>
      </c>
      <c r="B36" s="321">
        <v>0</v>
      </c>
      <c r="C36" s="321">
        <v>0</v>
      </c>
      <c r="D36" s="321">
        <v>0</v>
      </c>
      <c r="E36" s="321">
        <v>0</v>
      </c>
      <c r="F36" s="321">
        <v>0</v>
      </c>
      <c r="G36" s="480">
        <v>0</v>
      </c>
    </row>
    <row r="37" spans="1:7" s="222" customFormat="1" ht="10.5" x14ac:dyDescent="0.2">
      <c r="A37" s="126" t="s">
        <v>764</v>
      </c>
      <c r="B37" s="321"/>
      <c r="C37" s="530"/>
      <c r="D37" s="530"/>
      <c r="E37" s="530"/>
      <c r="F37" s="532"/>
      <c r="G37" s="480">
        <v>0</v>
      </c>
    </row>
    <row r="38" spans="1:7" s="222" customFormat="1" ht="10.5" x14ac:dyDescent="0.2">
      <c r="A38" s="126" t="s">
        <v>765</v>
      </c>
      <c r="B38" s="321"/>
      <c r="C38" s="530"/>
      <c r="D38" s="530"/>
      <c r="E38" s="530"/>
      <c r="F38" s="532"/>
      <c r="G38" s="480">
        <v>0</v>
      </c>
    </row>
    <row r="39" spans="1:7" s="222" customFormat="1" ht="10.5" x14ac:dyDescent="0.2">
      <c r="A39" s="126" t="s">
        <v>766</v>
      </c>
      <c r="B39" s="321"/>
      <c r="C39" s="530"/>
      <c r="D39" s="530"/>
      <c r="E39" s="530"/>
      <c r="F39" s="532"/>
      <c r="G39" s="480">
        <v>0</v>
      </c>
    </row>
    <row r="40" spans="1:7" s="222" customFormat="1" ht="10.5" x14ac:dyDescent="0.2">
      <c r="A40" s="126"/>
      <c r="B40" s="321"/>
      <c r="C40" s="530"/>
      <c r="D40" s="530"/>
      <c r="E40" s="530"/>
      <c r="F40" s="532"/>
      <c r="G40" s="480"/>
    </row>
    <row r="41" spans="1:7" s="66" customFormat="1" ht="10.5" x14ac:dyDescent="0.2">
      <c r="A41" s="231" t="s">
        <v>767</v>
      </c>
      <c r="B41" s="321">
        <v>0</v>
      </c>
      <c r="C41" s="321">
        <v>0</v>
      </c>
      <c r="D41" s="321">
        <v>0</v>
      </c>
      <c r="E41" s="321">
        <v>0</v>
      </c>
      <c r="F41" s="321">
        <v>0</v>
      </c>
      <c r="G41" s="480">
        <v>0</v>
      </c>
    </row>
    <row r="42" spans="1:7" s="222" customFormat="1" ht="10.5" x14ac:dyDescent="0.2">
      <c r="A42" s="126" t="s">
        <v>768</v>
      </c>
      <c r="B42" s="321"/>
      <c r="C42" s="530"/>
      <c r="D42" s="530"/>
      <c r="E42" s="530"/>
      <c r="F42" s="532"/>
      <c r="G42" s="480">
        <v>0</v>
      </c>
    </row>
    <row r="43" spans="1:7" s="222" customFormat="1" ht="10.5" x14ac:dyDescent="0.2">
      <c r="A43" s="126" t="s">
        <v>769</v>
      </c>
      <c r="B43" s="321"/>
      <c r="C43" s="530"/>
      <c r="D43" s="530"/>
      <c r="E43" s="530"/>
      <c r="F43" s="532"/>
      <c r="G43" s="480">
        <v>0</v>
      </c>
    </row>
    <row r="44" spans="1:7" s="222" customFormat="1" ht="10.5" x14ac:dyDescent="0.2">
      <c r="A44" s="126"/>
      <c r="B44" s="321"/>
      <c r="C44" s="530"/>
      <c r="D44" s="530"/>
      <c r="E44" s="530"/>
      <c r="F44" s="532"/>
      <c r="G44" s="480"/>
    </row>
    <row r="45" spans="1:7" s="66" customFormat="1" ht="10.5" x14ac:dyDescent="0.2">
      <c r="A45" s="231" t="s">
        <v>230</v>
      </c>
      <c r="B45" s="321">
        <v>0</v>
      </c>
      <c r="C45" s="321">
        <v>0</v>
      </c>
      <c r="D45" s="321">
        <v>0</v>
      </c>
      <c r="E45" s="321">
        <v>0</v>
      </c>
      <c r="F45" s="321">
        <v>0</v>
      </c>
      <c r="G45" s="480">
        <v>0</v>
      </c>
    </row>
    <row r="46" spans="1:7" s="222" customFormat="1" ht="10.5" x14ac:dyDescent="0.2">
      <c r="A46" s="126" t="s">
        <v>770</v>
      </c>
      <c r="B46" s="530"/>
      <c r="C46" s="530"/>
      <c r="D46" s="530"/>
      <c r="E46" s="530"/>
      <c r="F46" s="532"/>
      <c r="G46" s="480">
        <v>0</v>
      </c>
    </row>
    <row r="47" spans="1:7" ht="15" customHeight="1" x14ac:dyDescent="0.2">
      <c r="A47" s="126" t="s">
        <v>771</v>
      </c>
      <c r="B47" s="530"/>
      <c r="C47" s="530"/>
      <c r="D47" s="530"/>
      <c r="E47" s="530"/>
      <c r="F47" s="532"/>
      <c r="G47" s="480">
        <v>0</v>
      </c>
    </row>
    <row r="48" spans="1:7" ht="15" customHeight="1" x14ac:dyDescent="0.2">
      <c r="A48" s="27" t="s">
        <v>222</v>
      </c>
      <c r="B48" s="438">
        <v>14333847.229999999</v>
      </c>
      <c r="C48" s="438">
        <v>498927099.98000002</v>
      </c>
      <c r="D48" s="364">
        <v>221203672.58999997</v>
      </c>
      <c r="E48" s="364">
        <v>220400287.56000003</v>
      </c>
      <c r="F48" s="364">
        <v>135647059.91000003</v>
      </c>
      <c r="G48" s="477">
        <v>157213599.74000004</v>
      </c>
    </row>
    <row r="49" spans="1:7" ht="10.5" x14ac:dyDescent="0.2">
      <c r="A49" s="65"/>
      <c r="B49" s="303"/>
      <c r="C49" s="1"/>
      <c r="D49" s="205"/>
      <c r="E49" s="205"/>
      <c r="F49" s="1"/>
      <c r="G49" s="111"/>
    </row>
    <row r="50" spans="1:7" ht="30" customHeight="1" x14ac:dyDescent="0.2">
      <c r="A50" s="781" t="s">
        <v>213</v>
      </c>
      <c r="B50" s="795" t="s">
        <v>534</v>
      </c>
      <c r="C50" s="797"/>
      <c r="D50" s="797"/>
      <c r="E50" s="797"/>
      <c r="F50" s="796"/>
      <c r="G50" s="793" t="s">
        <v>453</v>
      </c>
    </row>
    <row r="51" spans="1:7" ht="15" customHeight="1" x14ac:dyDescent="0.2">
      <c r="A51" s="784"/>
      <c r="B51" s="729" t="s">
        <v>212</v>
      </c>
      <c r="C51" s="871"/>
      <c r="D51" s="782" t="s">
        <v>218</v>
      </c>
      <c r="E51" s="782" t="s">
        <v>217</v>
      </c>
      <c r="F51" s="872" t="s">
        <v>427</v>
      </c>
      <c r="G51" s="801"/>
    </row>
    <row r="52" spans="1:7" ht="11.25" customHeight="1" x14ac:dyDescent="0.2">
      <c r="A52" s="784"/>
      <c r="B52" s="212" t="s">
        <v>312</v>
      </c>
      <c r="C52" s="213" t="s">
        <v>214</v>
      </c>
      <c r="D52" s="807"/>
      <c r="E52" s="807"/>
      <c r="F52" s="873"/>
      <c r="G52" s="801"/>
    </row>
    <row r="53" spans="1:7" ht="11.25" customHeight="1" x14ac:dyDescent="0.2">
      <c r="A53" s="784"/>
      <c r="B53" s="216" t="s">
        <v>215</v>
      </c>
      <c r="C53" s="216" t="s">
        <v>216</v>
      </c>
      <c r="D53" s="807"/>
      <c r="E53" s="807"/>
      <c r="F53" s="873" t="s">
        <v>117</v>
      </c>
      <c r="G53" s="801"/>
    </row>
    <row r="54" spans="1:7" ht="11.25" customHeight="1" x14ac:dyDescent="0.2">
      <c r="A54" s="785"/>
      <c r="B54" s="214" t="s">
        <v>219</v>
      </c>
      <c r="C54" s="214">
        <v>2015</v>
      </c>
      <c r="D54" s="783"/>
      <c r="E54" s="783"/>
      <c r="F54" s="874"/>
      <c r="G54" s="794"/>
    </row>
    <row r="55" spans="1:7" s="66" customFormat="1" ht="14.25" customHeight="1" x14ac:dyDescent="0.2">
      <c r="A55" s="223" t="s">
        <v>101</v>
      </c>
      <c r="B55" s="321">
        <v>31519345.219999999</v>
      </c>
      <c r="C55" s="321">
        <v>207791194.78</v>
      </c>
      <c r="D55" s="321">
        <v>154168754.10000002</v>
      </c>
      <c r="E55" s="321">
        <v>31791314.829999998</v>
      </c>
      <c r="F55" s="321">
        <v>53350471.070000023</v>
      </c>
      <c r="G55" s="322">
        <v>207542126.16000006</v>
      </c>
    </row>
    <row r="56" spans="1:7" s="222" customFormat="1" ht="11.25" customHeight="1" x14ac:dyDescent="0.2">
      <c r="A56" s="26"/>
      <c r="B56" s="321"/>
      <c r="C56" s="499"/>
      <c r="D56" s="499"/>
      <c r="E56" s="499"/>
      <c r="F56" s="499"/>
      <c r="G56" s="459"/>
    </row>
    <row r="57" spans="1:7" s="66" customFormat="1" ht="11.25" customHeight="1" x14ac:dyDescent="0.2">
      <c r="A57" s="223" t="s">
        <v>762</v>
      </c>
      <c r="B57" s="321">
        <v>31508651.390000001</v>
      </c>
      <c r="C57" s="505">
        <v>167590925.71000001</v>
      </c>
      <c r="D57" s="505">
        <v>114687023.7</v>
      </c>
      <c r="E57" s="505">
        <v>31791314.829999998</v>
      </c>
      <c r="F57" s="423">
        <v>52621238.570000023</v>
      </c>
      <c r="G57" s="322">
        <v>203869240.07000005</v>
      </c>
    </row>
    <row r="58" spans="1:7" s="222" customFormat="1" ht="11.25" customHeight="1" x14ac:dyDescent="0.2">
      <c r="A58" s="26"/>
      <c r="B58" s="321"/>
      <c r="C58" s="499"/>
      <c r="D58" s="499"/>
      <c r="E58" s="499"/>
      <c r="F58" s="499"/>
      <c r="G58" s="459"/>
    </row>
    <row r="59" spans="1:7" s="66" customFormat="1" ht="11.25" customHeight="1" x14ac:dyDescent="0.2">
      <c r="A59" s="231" t="s">
        <v>763</v>
      </c>
      <c r="B59" s="321">
        <v>0</v>
      </c>
      <c r="C59" s="321">
        <v>13672649.220000001</v>
      </c>
      <c r="D59" s="321">
        <v>13312588.780000001</v>
      </c>
      <c r="E59" s="321">
        <v>0</v>
      </c>
      <c r="F59" s="321">
        <v>360060.43999999948</v>
      </c>
      <c r="G59" s="322">
        <v>360060.43999999948</v>
      </c>
    </row>
    <row r="60" spans="1:7" s="222" customFormat="1" ht="11.25" customHeight="1" x14ac:dyDescent="0.2">
      <c r="A60" s="126" t="s">
        <v>764</v>
      </c>
      <c r="B60" s="321">
        <v>0</v>
      </c>
      <c r="C60" s="499">
        <v>13069717.07</v>
      </c>
      <c r="D60" s="499">
        <v>12709656.630000001</v>
      </c>
      <c r="E60" s="499">
        <v>0</v>
      </c>
      <c r="F60" s="425">
        <v>360060.43999999948</v>
      </c>
      <c r="G60" s="459">
        <v>360060.43999999948</v>
      </c>
    </row>
    <row r="61" spans="1:7" s="222" customFormat="1" ht="11.25" customHeight="1" x14ac:dyDescent="0.2">
      <c r="A61" s="126" t="s">
        <v>765</v>
      </c>
      <c r="B61" s="530">
        <v>0</v>
      </c>
      <c r="C61" s="499">
        <v>602932.15</v>
      </c>
      <c r="D61" s="499">
        <v>602932.15</v>
      </c>
      <c r="E61" s="499">
        <v>0</v>
      </c>
      <c r="F61" s="425">
        <v>0</v>
      </c>
      <c r="G61" s="459">
        <v>0</v>
      </c>
    </row>
    <row r="62" spans="1:7" s="222" customFormat="1" ht="11.25" customHeight="1" x14ac:dyDescent="0.2">
      <c r="A62" s="126" t="s">
        <v>766</v>
      </c>
      <c r="B62" s="321">
        <v>0</v>
      </c>
      <c r="C62" s="499">
        <v>0</v>
      </c>
      <c r="D62" s="499">
        <v>0</v>
      </c>
      <c r="E62" s="499">
        <v>0</v>
      </c>
      <c r="F62" s="425">
        <v>0</v>
      </c>
      <c r="G62" s="459">
        <v>0</v>
      </c>
    </row>
    <row r="63" spans="1:7" s="222" customFormat="1" ht="11.25" customHeight="1" x14ac:dyDescent="0.2">
      <c r="A63" s="26"/>
      <c r="B63" s="321"/>
      <c r="C63" s="499"/>
      <c r="D63" s="499"/>
      <c r="E63" s="499"/>
      <c r="F63" s="499"/>
      <c r="G63" s="459"/>
    </row>
    <row r="64" spans="1:7" s="66" customFormat="1" ht="11.25" customHeight="1" x14ac:dyDescent="0.2">
      <c r="A64" s="231" t="s">
        <v>767</v>
      </c>
      <c r="B64" s="321">
        <v>4555.7</v>
      </c>
      <c r="C64" s="321">
        <v>26495802.789999999</v>
      </c>
      <c r="D64" s="321">
        <v>26137324.560000002</v>
      </c>
      <c r="E64" s="321">
        <v>0</v>
      </c>
      <c r="F64" s="321">
        <v>363033.9299999997</v>
      </c>
      <c r="G64" s="322">
        <v>2330515.1399999997</v>
      </c>
    </row>
    <row r="65" spans="1:7" s="222" customFormat="1" ht="11.25" customHeight="1" x14ac:dyDescent="0.2">
      <c r="A65" s="126" t="s">
        <v>768</v>
      </c>
      <c r="B65" s="530">
        <v>22</v>
      </c>
      <c r="C65" s="499">
        <v>20689211.73</v>
      </c>
      <c r="D65" s="499">
        <v>20341691.57</v>
      </c>
      <c r="E65" s="499">
        <v>0</v>
      </c>
      <c r="F65" s="425">
        <v>347542.16000000015</v>
      </c>
      <c r="G65" s="459">
        <v>347542.16000000015</v>
      </c>
    </row>
    <row r="66" spans="1:7" s="222" customFormat="1" ht="11.25" customHeight="1" x14ac:dyDescent="0.2">
      <c r="A66" s="126" t="s">
        <v>769</v>
      </c>
      <c r="B66" s="530">
        <v>4533.7</v>
      </c>
      <c r="C66" s="499">
        <v>5806591.0599999996</v>
      </c>
      <c r="D66" s="499">
        <v>5795632.9900000002</v>
      </c>
      <c r="E66" s="499">
        <v>0</v>
      </c>
      <c r="F66" s="425">
        <v>15491.769999999553</v>
      </c>
      <c r="G66" s="459">
        <v>1982972.9799999997</v>
      </c>
    </row>
    <row r="67" spans="1:7" s="222" customFormat="1" ht="11.25" customHeight="1" x14ac:dyDescent="0.2">
      <c r="A67" s="26"/>
      <c r="B67" s="321"/>
      <c r="C67" s="499"/>
      <c r="D67" s="499"/>
      <c r="E67" s="499"/>
      <c r="F67" s="499"/>
      <c r="G67" s="459"/>
    </row>
    <row r="68" spans="1:7" s="66" customFormat="1" ht="11.25" customHeight="1" x14ac:dyDescent="0.2">
      <c r="A68" s="231" t="s">
        <v>230</v>
      </c>
      <c r="B68" s="321">
        <v>6138.13</v>
      </c>
      <c r="C68" s="321">
        <v>31817.06</v>
      </c>
      <c r="D68" s="321">
        <v>31817.06</v>
      </c>
      <c r="E68" s="321">
        <v>0</v>
      </c>
      <c r="F68" s="321">
        <v>6138.130000000001</v>
      </c>
      <c r="G68" s="322">
        <v>982310.50999999919</v>
      </c>
    </row>
    <row r="69" spans="1:7" s="222" customFormat="1" ht="11.25" customHeight="1" x14ac:dyDescent="0.2">
      <c r="A69" s="126" t="s">
        <v>770</v>
      </c>
      <c r="B69" s="530">
        <v>6138.13</v>
      </c>
      <c r="C69" s="499">
        <v>31817.06</v>
      </c>
      <c r="D69" s="499">
        <v>31817.06</v>
      </c>
      <c r="E69" s="499">
        <v>0</v>
      </c>
      <c r="F69" s="425">
        <v>6138.130000000001</v>
      </c>
      <c r="G69" s="459">
        <v>951758.50999999919</v>
      </c>
    </row>
    <row r="70" spans="1:7" s="222" customFormat="1" ht="11.25" customHeight="1" x14ac:dyDescent="0.2">
      <c r="A70" s="126" t="s">
        <v>771</v>
      </c>
      <c r="B70" s="321">
        <v>0</v>
      </c>
      <c r="C70" s="499">
        <v>0</v>
      </c>
      <c r="D70" s="499">
        <v>0</v>
      </c>
      <c r="E70" s="499">
        <v>0</v>
      </c>
      <c r="F70" s="425">
        <v>0</v>
      </c>
      <c r="G70" s="459">
        <v>30551.999999999996</v>
      </c>
    </row>
    <row r="71" spans="1:7" s="222" customFormat="1" ht="11.25" customHeight="1" x14ac:dyDescent="0.2">
      <c r="A71" s="26"/>
      <c r="B71" s="321"/>
      <c r="C71" s="499"/>
      <c r="D71" s="499"/>
      <c r="E71" s="499"/>
      <c r="F71" s="499"/>
      <c r="G71" s="459"/>
    </row>
    <row r="72" spans="1:7" s="66" customFormat="1" ht="11.25" customHeight="1" x14ac:dyDescent="0.2">
      <c r="A72" s="231" t="s">
        <v>102</v>
      </c>
      <c r="B72" s="321">
        <v>1729933.74</v>
      </c>
      <c r="C72" s="321">
        <v>24549922.790000003</v>
      </c>
      <c r="D72" s="321">
        <v>21343143.059999999</v>
      </c>
      <c r="E72" s="321">
        <v>162935.65</v>
      </c>
      <c r="F72" s="321">
        <v>4773777.82</v>
      </c>
      <c r="G72" s="322">
        <v>7795722.4700000007</v>
      </c>
    </row>
    <row r="73" spans="1:7" s="222" customFormat="1" ht="11.25" customHeight="1" x14ac:dyDescent="0.2">
      <c r="A73" s="231"/>
      <c r="B73" s="321"/>
      <c r="C73" s="499"/>
      <c r="D73" s="499"/>
      <c r="E73" s="499"/>
      <c r="F73" s="499"/>
      <c r="G73" s="671"/>
    </row>
    <row r="74" spans="1:7" s="66" customFormat="1" ht="11.25" customHeight="1" x14ac:dyDescent="0.2">
      <c r="A74" s="231" t="s">
        <v>762</v>
      </c>
      <c r="B74" s="321">
        <v>1729933.74</v>
      </c>
      <c r="C74" s="505">
        <v>16299457.6</v>
      </c>
      <c r="D74" s="505">
        <v>13092677.869999999</v>
      </c>
      <c r="E74" s="505">
        <v>162935.65</v>
      </c>
      <c r="F74" s="505">
        <v>4773777.82</v>
      </c>
      <c r="G74" s="322">
        <v>7795722.4700000007</v>
      </c>
    </row>
    <row r="75" spans="1:7" s="222" customFormat="1" ht="11.25" customHeight="1" x14ac:dyDescent="0.2">
      <c r="A75" s="231"/>
      <c r="B75" s="321"/>
      <c r="C75" s="499"/>
      <c r="D75" s="499"/>
      <c r="E75" s="499"/>
      <c r="F75" s="499"/>
      <c r="G75" s="459"/>
    </row>
    <row r="76" spans="1:7" s="66" customFormat="1" ht="11.25" customHeight="1" x14ac:dyDescent="0.2">
      <c r="A76" s="231" t="s">
        <v>763</v>
      </c>
      <c r="B76" s="321">
        <v>0</v>
      </c>
      <c r="C76" s="321">
        <v>1437581</v>
      </c>
      <c r="D76" s="321">
        <v>1437581</v>
      </c>
      <c r="E76" s="321">
        <v>0</v>
      </c>
      <c r="F76" s="321">
        <v>0</v>
      </c>
      <c r="G76" s="322">
        <v>0</v>
      </c>
    </row>
    <row r="77" spans="1:7" s="222" customFormat="1" ht="11.25" customHeight="1" x14ac:dyDescent="0.2">
      <c r="A77" s="126" t="s">
        <v>764</v>
      </c>
      <c r="B77" s="321">
        <v>0</v>
      </c>
      <c r="C77" s="499">
        <v>1437581</v>
      </c>
      <c r="D77" s="499">
        <v>1437581</v>
      </c>
      <c r="E77" s="499"/>
      <c r="F77" s="425">
        <v>0</v>
      </c>
      <c r="G77" s="322">
        <v>0</v>
      </c>
    </row>
    <row r="78" spans="1:7" s="222" customFormat="1" ht="11.25" customHeight="1" x14ac:dyDescent="0.2">
      <c r="A78" s="126" t="s">
        <v>765</v>
      </c>
      <c r="B78" s="321">
        <v>0</v>
      </c>
      <c r="C78" s="499">
        <v>0</v>
      </c>
      <c r="D78" s="499">
        <v>0</v>
      </c>
      <c r="E78" s="499"/>
      <c r="F78" s="425">
        <v>0</v>
      </c>
      <c r="G78" s="322">
        <v>0</v>
      </c>
    </row>
    <row r="79" spans="1:7" s="222" customFormat="1" ht="11.25" customHeight="1" x14ac:dyDescent="0.2">
      <c r="A79" s="126" t="s">
        <v>766</v>
      </c>
      <c r="B79" s="321">
        <v>0</v>
      </c>
      <c r="C79" s="499">
        <v>0</v>
      </c>
      <c r="D79" s="499"/>
      <c r="E79" s="499"/>
      <c r="F79" s="425">
        <v>0</v>
      </c>
      <c r="G79" s="322">
        <v>0</v>
      </c>
    </row>
    <row r="80" spans="1:7" s="222" customFormat="1" ht="11.25" customHeight="1" x14ac:dyDescent="0.2">
      <c r="A80" s="126"/>
      <c r="B80" s="321"/>
      <c r="C80" s="499"/>
      <c r="D80" s="499"/>
      <c r="E80" s="499"/>
      <c r="F80" s="499"/>
      <c r="G80" s="459"/>
    </row>
    <row r="81" spans="1:7" s="66" customFormat="1" ht="11.25" customHeight="1" x14ac:dyDescent="0.2">
      <c r="A81" s="231" t="s">
        <v>767</v>
      </c>
      <c r="B81" s="321">
        <v>0</v>
      </c>
      <c r="C81" s="321">
        <v>6812884.1900000004</v>
      </c>
      <c r="D81" s="321">
        <v>6812884.1900000004</v>
      </c>
      <c r="E81" s="321">
        <v>0</v>
      </c>
      <c r="F81" s="321">
        <v>0</v>
      </c>
      <c r="G81" s="322">
        <v>0</v>
      </c>
    </row>
    <row r="82" spans="1:7" s="222" customFormat="1" ht="11.25" customHeight="1" x14ac:dyDescent="0.2">
      <c r="A82" s="126" t="s">
        <v>768</v>
      </c>
      <c r="B82" s="321">
        <v>0</v>
      </c>
      <c r="C82" s="499">
        <v>6812884.1900000004</v>
      </c>
      <c r="D82" s="499">
        <v>6812884.1900000004</v>
      </c>
      <c r="E82" s="499"/>
      <c r="F82" s="425">
        <v>0</v>
      </c>
      <c r="G82" s="322">
        <v>0</v>
      </c>
    </row>
    <row r="83" spans="1:7" s="222" customFormat="1" ht="11.25" customHeight="1" x14ac:dyDescent="0.2">
      <c r="A83" s="126" t="s">
        <v>769</v>
      </c>
      <c r="B83" s="321">
        <v>0</v>
      </c>
      <c r="C83" s="499">
        <v>0</v>
      </c>
      <c r="D83" s="499">
        <v>0</v>
      </c>
      <c r="E83" s="499"/>
      <c r="F83" s="425">
        <v>0</v>
      </c>
      <c r="G83" s="322">
        <v>0</v>
      </c>
    </row>
    <row r="84" spans="1:7" s="222" customFormat="1" ht="11.25" customHeight="1" x14ac:dyDescent="0.2">
      <c r="A84" s="126"/>
      <c r="B84" s="321"/>
      <c r="C84" s="499"/>
      <c r="D84" s="499"/>
      <c r="E84" s="499"/>
      <c r="F84" s="499"/>
      <c r="G84" s="459"/>
    </row>
    <row r="85" spans="1:7" s="66" customFormat="1" ht="11.25" customHeight="1" x14ac:dyDescent="0.2">
      <c r="A85" s="231" t="s">
        <v>230</v>
      </c>
      <c r="B85" s="321">
        <v>0</v>
      </c>
      <c r="C85" s="321">
        <v>0</v>
      </c>
      <c r="D85" s="321">
        <v>0</v>
      </c>
      <c r="E85" s="321">
        <v>0</v>
      </c>
      <c r="F85" s="321">
        <v>0</v>
      </c>
      <c r="G85" s="322">
        <v>0</v>
      </c>
    </row>
    <row r="86" spans="1:7" s="222" customFormat="1" ht="11.25" customHeight="1" x14ac:dyDescent="0.2">
      <c r="A86" s="126" t="s">
        <v>770</v>
      </c>
      <c r="B86" s="321">
        <v>0</v>
      </c>
      <c r="C86" s="499">
        <v>0</v>
      </c>
      <c r="D86" s="499">
        <v>0</v>
      </c>
      <c r="E86" s="499">
        <v>0</v>
      </c>
      <c r="F86" s="425">
        <v>0</v>
      </c>
      <c r="G86" s="459">
        <v>0</v>
      </c>
    </row>
    <row r="87" spans="1:7" s="222" customFormat="1" ht="14.25" customHeight="1" x14ac:dyDescent="0.2">
      <c r="A87" s="126" t="s">
        <v>771</v>
      </c>
      <c r="B87" s="321"/>
      <c r="C87" s="499"/>
      <c r="D87" s="499"/>
      <c r="E87" s="499"/>
      <c r="F87" s="425">
        <v>0</v>
      </c>
      <c r="G87" s="459">
        <v>0</v>
      </c>
    </row>
    <row r="88" spans="1:7" s="66" customFormat="1" ht="15" customHeight="1" x14ac:dyDescent="0.2">
      <c r="A88" s="27" t="s">
        <v>222</v>
      </c>
      <c r="B88" s="438">
        <v>33249278.959999997</v>
      </c>
      <c r="C88" s="438">
        <v>232341117.56999999</v>
      </c>
      <c r="D88" s="438">
        <v>175511897.16000003</v>
      </c>
      <c r="E88" s="438">
        <v>31954250.479999997</v>
      </c>
      <c r="F88" s="438">
        <v>58124248.890000023</v>
      </c>
      <c r="G88" s="438">
        <v>215337848.63000005</v>
      </c>
    </row>
    <row r="89" spans="1:7" ht="11.25" customHeight="1" x14ac:dyDescent="0.2">
      <c r="A89" s="45" t="s">
        <v>848</v>
      </c>
      <c r="G89" s="296"/>
    </row>
    <row r="92" spans="1:7" s="268" customFormat="1" ht="11.25" customHeight="1" x14ac:dyDescent="0.2">
      <c r="A92" s="45"/>
      <c r="B92" s="45"/>
      <c r="C92" s="45"/>
      <c r="D92" s="45"/>
      <c r="E92" s="45"/>
      <c r="F92" s="45"/>
      <c r="G92" s="45"/>
    </row>
    <row r="93" spans="1:7" s="268" customFormat="1" ht="11.25" customHeight="1" x14ac:dyDescent="0.2">
      <c r="A93" s="45"/>
      <c r="B93" s="45"/>
      <c r="C93" s="45"/>
      <c r="D93" s="45"/>
      <c r="E93" s="45"/>
      <c r="F93" s="45"/>
      <c r="G93" s="45"/>
    </row>
    <row r="97" s="45" customFormat="1" ht="11.25" customHeight="1" x14ac:dyDescent="0.2"/>
    <row r="98" s="45" customFormat="1" ht="11.25" customHeight="1" x14ac:dyDescent="0.2"/>
    <row r="99" s="45" customFormat="1" ht="11.25" customHeight="1" x14ac:dyDescent="0.2"/>
    <row r="100" s="45" customFormat="1" ht="11.25" customHeight="1" x14ac:dyDescent="0.2"/>
    <row r="101" s="45" customFormat="1" ht="11.25" customHeight="1" x14ac:dyDescent="0.2"/>
    <row r="102" s="45" customFormat="1" ht="11.25" customHeight="1" x14ac:dyDescent="0.2"/>
    <row r="103" s="45" customFormat="1" ht="11.25" customHeight="1" x14ac:dyDescent="0.2"/>
  </sheetData>
  <customSheetViews>
    <customSheetView guid="{C779D862-DE28-46CD-A428-4AAA1056D1E1}" showPageBreaks="1" showGridLines="0" fitToPage="1" printArea="1">
      <selection activeCell="A7" sqref="A7:E7"/>
      <pageMargins left="0.19685039370078741" right="0.19685039370078741" top="0.59055118110236227" bottom="0.19685039370078741" header="0" footer="0"/>
      <printOptions horizontalCentered="1"/>
      <pageSetup paperSize="9" scale="60" orientation="portrait" r:id="rId1"/>
      <headerFooter alignWithMargins="0"/>
    </customSheetView>
    <customSheetView guid="{3AAF6A5F-F9AA-430B-9AD9-1261ECDF41B5}" showPageBreaks="1" showGridLines="0" fitToPage="1" printArea="1" topLeftCell="A11">
      <selection activeCell="D27" sqref="D27"/>
      <pageMargins left="0.19685039370078741" right="0.19685039370078741" top="0.59055118110236227" bottom="0.19685039370078741" header="0" footer="0"/>
      <printOptions horizontalCentered="1"/>
      <pageSetup paperSize="9" scale="60" orientation="portrait" r:id="rId2"/>
      <headerFooter alignWithMargins="0"/>
    </customSheetView>
    <customSheetView guid="{25EF1E0D-169B-4051-B414-7E1196FC05E4}" showPageBreaks="1" showGridLines="0" fitToPage="1" printArea="1" topLeftCell="A10">
      <selection activeCell="C165" sqref="C165:E165"/>
      <pageMargins left="0.19685039370078741" right="0.19685039370078741" top="0.59055118110236227" bottom="0.19685039370078741" header="0" footer="0"/>
      <printOptions horizontalCentered="1"/>
      <pageSetup paperSize="9" scale="61" orientation="portrait" r:id="rId3"/>
      <headerFooter alignWithMargins="0"/>
    </customSheetView>
    <customSheetView guid="{82EDB5A4-4824-4632-A540-7A52C92F04C7}" showPageBreaks="1" showGridLines="0" fitToPage="1" printArea="1" topLeftCell="A79">
      <selection activeCell="H98" sqref="H98"/>
      <pageMargins left="0.19685039370078741" right="0.19685039370078741" top="0.59055118110236227" bottom="0.19685039370078741" header="0" footer="0"/>
      <printOptions horizontalCentered="1"/>
      <pageSetup paperSize="9" scale="61" orientation="portrait" r:id="rId4"/>
      <headerFooter alignWithMargins="0"/>
    </customSheetView>
    <customSheetView guid="{15F968AB-9DD6-4E60-9FDC-FEF44C5FFDCB}" showPageBreaks="1" showGridLines="0" fitToPage="1" printArea="1">
      <selection activeCell="H11" sqref="H11"/>
      <pageMargins left="0.19685039370078741" right="0.27559055118110237" top="0.59055118110236227" bottom="0.39370078740157483" header="0" footer="0.19685039370078741"/>
      <printOptions horizontalCentered="1"/>
      <pageSetup paperSize="9" scale="61" orientation="portrait" horizontalDpi="300" verticalDpi="300" r:id="rId5"/>
      <headerFooter alignWithMargins="0">
        <oddFooter>&amp;A</oddFooter>
      </headerFooter>
    </customSheetView>
    <customSheetView guid="{D5976633-8ECB-4B00-B200-C7467CF5B10F}" showGridLines="0" fitToPage="1" topLeftCell="A70">
      <selection activeCell="A89" sqref="A89"/>
      <pageMargins left="0.19685039370078741" right="0.27559055118110237" top="0.59055118110236227" bottom="0.39370078740157483" header="0" footer="0.19685039370078741"/>
      <printOptions horizontalCentered="1"/>
      <pageSetup paperSize="9" orientation="landscape" horizontalDpi="300" verticalDpi="300" r:id="rId6"/>
      <headerFooter alignWithMargins="0">
        <oddFooter>&amp;A</oddFooter>
      </headerFooter>
    </customSheetView>
    <customSheetView guid="{B4FED47C-EE37-4843-A570-282D4F8229D4}" showGridLines="0" fitToPage="1">
      <selection activeCell="A8" sqref="A8"/>
      <pageMargins left="0.19685039370078741" right="0.19685039370078741" top="0.59055118110236227" bottom="0.19685039370078741" header="0" footer="0"/>
      <printOptions horizontalCentered="1"/>
      <pageSetup paperSize="9" scale="60" orientation="portrait" r:id="rId7"/>
      <headerFooter alignWithMargins="0"/>
    </customSheetView>
    <customSheetView guid="{6DBFA32C-4AA4-4E1D-9A48-697377C64CC3}" showPageBreaks="1" showGridLines="0" fitToPage="1" printArea="1" topLeftCell="A52">
      <selection activeCell="G74" sqref="G74"/>
      <pageMargins left="0.19685039370078741" right="0.19685039370078741" top="0.59055118110236227" bottom="0.19685039370078741" header="0" footer="0"/>
      <printOptions horizontalCentered="1"/>
      <pageSetup paperSize="9" scale="61" orientation="portrait" r:id="rId8"/>
      <headerFooter alignWithMargins="0"/>
    </customSheetView>
    <customSheetView guid="{09DEEE52-8A8D-4F12-80E3-55185B30DF10}" showGridLines="0" fitToPage="1" topLeftCell="A70">
      <selection activeCell="E11" sqref="E11:E14"/>
      <pageMargins left="0.19685039370078741" right="0.19685039370078741" top="0.59055118110236227" bottom="0.19685039370078741" header="0" footer="0"/>
      <printOptions horizontalCentered="1"/>
      <pageSetup paperSize="9" scale="60" orientation="portrait" r:id="rId9"/>
      <headerFooter alignWithMargins="0"/>
    </customSheetView>
  </customSheetViews>
  <mergeCells count="21">
    <mergeCell ref="A50:A54"/>
    <mergeCell ref="B51:C51"/>
    <mergeCell ref="A10:A14"/>
    <mergeCell ref="G11:G12"/>
    <mergeCell ref="D51:D54"/>
    <mergeCell ref="E11:E14"/>
    <mergeCell ref="F11:F14"/>
    <mergeCell ref="G50:G54"/>
    <mergeCell ref="F51:F52"/>
    <mergeCell ref="F53:F54"/>
    <mergeCell ref="E51:E54"/>
    <mergeCell ref="B11:C11"/>
    <mergeCell ref="B50:F50"/>
    <mergeCell ref="B10:G10"/>
    <mergeCell ref="G13:G14"/>
    <mergeCell ref="D11:D14"/>
    <mergeCell ref="A3:G3"/>
    <mergeCell ref="A4:G4"/>
    <mergeCell ref="A5:G5"/>
    <mergeCell ref="A6:G6"/>
    <mergeCell ref="A7:G7"/>
  </mergeCells>
  <printOptions horizontalCentered="1"/>
  <pageMargins left="0.19685039370078741" right="0.19685039370078741" top="0.59055118110236227" bottom="0.19685039370078741" header="0" footer="0"/>
  <pageSetup paperSize="9" scale="60" orientation="portrait" r:id="rId10"/>
  <headerFooter alignWithMargins="0"/>
  <drawing r:id="rId1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197"/>
  <sheetViews>
    <sheetView showGridLines="0" zoomScaleNormal="100" workbookViewId="0"/>
  </sheetViews>
  <sheetFormatPr defaultRowHeight="10.5" x14ac:dyDescent="0.2"/>
  <cols>
    <col min="1" max="1" width="80.7109375" style="278" customWidth="1"/>
    <col min="2" max="2" width="19" style="83" customWidth="1"/>
    <col min="3" max="3" width="19" style="83" bestFit="1" customWidth="1"/>
    <col min="4" max="4" width="19" style="83" customWidth="1"/>
    <col min="5" max="5" width="15.85546875" style="83" customWidth="1"/>
    <col min="6" max="6" width="19" style="83" bestFit="1" customWidth="1"/>
    <col min="7" max="7" width="17.28515625" style="83" bestFit="1" customWidth="1"/>
    <col min="8" max="8" width="16.7109375" style="83" customWidth="1"/>
    <col min="9" max="16384" width="9.140625" style="83"/>
  </cols>
  <sheetData>
    <row r="1" spans="1:8" s="137" customFormat="1" x14ac:dyDescent="0.2">
      <c r="A1" s="443"/>
      <c r="B1" s="134"/>
      <c r="C1" s="134"/>
      <c r="D1" s="134"/>
      <c r="E1" s="134"/>
      <c r="F1" s="134"/>
      <c r="G1" s="134"/>
      <c r="H1" s="134"/>
    </row>
    <row r="2" spans="1:8" s="137" customFormat="1" x14ac:dyDescent="0.2">
      <c r="A2" s="273"/>
      <c r="B2" s="134"/>
      <c r="C2" s="134"/>
      <c r="D2" s="134"/>
      <c r="E2" s="134"/>
      <c r="F2" s="134"/>
    </row>
    <row r="3" spans="1:8" s="141" customFormat="1" x14ac:dyDescent="0.2">
      <c r="A3" s="915" t="s">
        <v>638</v>
      </c>
      <c r="B3" s="915"/>
      <c r="C3" s="915"/>
      <c r="D3" s="915"/>
      <c r="E3" s="915"/>
      <c r="F3" s="915"/>
      <c r="G3" s="915"/>
      <c r="H3" s="915"/>
    </row>
    <row r="4" spans="1:8" s="141" customFormat="1" x14ac:dyDescent="0.2">
      <c r="A4" s="915" t="s">
        <v>105</v>
      </c>
      <c r="B4" s="915"/>
      <c r="C4" s="915"/>
      <c r="D4" s="915"/>
      <c r="E4" s="915"/>
      <c r="F4" s="915"/>
      <c r="G4" s="915"/>
      <c r="H4" s="915"/>
    </row>
    <row r="5" spans="1:8" s="141" customFormat="1" x14ac:dyDescent="0.2">
      <c r="A5" s="915" t="s">
        <v>231</v>
      </c>
      <c r="B5" s="915"/>
      <c r="C5" s="915"/>
      <c r="D5" s="915"/>
      <c r="E5" s="915"/>
      <c r="F5" s="915"/>
      <c r="G5" s="915"/>
      <c r="H5" s="915"/>
    </row>
    <row r="6" spans="1:8" s="141" customFormat="1" x14ac:dyDescent="0.2">
      <c r="A6" s="915" t="s">
        <v>107</v>
      </c>
      <c r="B6" s="915"/>
      <c r="C6" s="915"/>
      <c r="D6" s="915"/>
      <c r="E6" s="915"/>
      <c r="F6" s="915"/>
      <c r="G6" s="915"/>
      <c r="H6" s="915"/>
    </row>
    <row r="7" spans="1:8" s="141" customFormat="1" x14ac:dyDescent="0.2">
      <c r="A7" s="915" t="s">
        <v>891</v>
      </c>
      <c r="B7" s="915"/>
      <c r="C7" s="915"/>
      <c r="D7" s="915"/>
      <c r="E7" s="915"/>
      <c r="F7" s="915"/>
      <c r="G7" s="915"/>
      <c r="H7" s="915"/>
    </row>
    <row r="8" spans="1:8" s="137" customFormat="1" x14ac:dyDescent="0.2">
      <c r="A8" s="274" t="s">
        <v>617</v>
      </c>
      <c r="B8" s="135"/>
      <c r="C8" s="135"/>
      <c r="D8" s="135"/>
      <c r="E8" s="135"/>
      <c r="F8" s="415"/>
      <c r="H8" s="229">
        <v>1</v>
      </c>
    </row>
    <row r="9" spans="1:8" s="228" customFormat="1" x14ac:dyDescent="0.2">
      <c r="A9" s="896" t="s">
        <v>187</v>
      </c>
      <c r="B9" s="896"/>
      <c r="C9" s="896"/>
      <c r="D9" s="896"/>
      <c r="E9" s="896"/>
      <c r="F9" s="896"/>
      <c r="G9" s="896"/>
      <c r="H9" s="896"/>
    </row>
    <row r="10" spans="1:8" s="228" customFormat="1" x14ac:dyDescent="0.15">
      <c r="A10" s="918" t="s">
        <v>844</v>
      </c>
      <c r="B10" s="912" t="s">
        <v>108</v>
      </c>
      <c r="C10" s="913"/>
      <c r="D10" s="912" t="s">
        <v>108</v>
      </c>
      <c r="E10" s="913"/>
      <c r="F10" s="895" t="s">
        <v>109</v>
      </c>
      <c r="G10" s="896"/>
      <c r="H10" s="896"/>
    </row>
    <row r="11" spans="1:8" s="228" customFormat="1" x14ac:dyDescent="0.2">
      <c r="A11" s="919"/>
      <c r="B11" s="873" t="s">
        <v>111</v>
      </c>
      <c r="C11" s="878"/>
      <c r="D11" s="873" t="s">
        <v>112</v>
      </c>
      <c r="E11" s="878"/>
      <c r="F11" s="872" t="s">
        <v>115</v>
      </c>
      <c r="G11" s="894"/>
      <c r="H11" s="225" t="s">
        <v>114</v>
      </c>
    </row>
    <row r="12" spans="1:8" s="228" customFormat="1" x14ac:dyDescent="0.2">
      <c r="A12" s="405" t="s">
        <v>845</v>
      </c>
      <c r="B12" s="874"/>
      <c r="C12" s="879"/>
      <c r="D12" s="916" t="s">
        <v>116</v>
      </c>
      <c r="E12" s="917"/>
      <c r="F12" s="916" t="s">
        <v>117</v>
      </c>
      <c r="G12" s="917"/>
      <c r="H12" s="410" t="s">
        <v>188</v>
      </c>
    </row>
    <row r="13" spans="1:8" s="228" customFormat="1" ht="14.25" customHeight="1" x14ac:dyDescent="0.2">
      <c r="A13" s="244" t="s">
        <v>189</v>
      </c>
      <c r="B13" s="888">
        <v>8815620800</v>
      </c>
      <c r="C13" s="889"/>
      <c r="D13" s="888">
        <v>8965550957</v>
      </c>
      <c r="E13" s="889"/>
      <c r="F13" s="888">
        <v>5862343735.0299997</v>
      </c>
      <c r="G13" s="889"/>
      <c r="H13" s="544">
        <v>65.387434226257781</v>
      </c>
    </row>
    <row r="14" spans="1:8" s="228" customFormat="1" ht="31.5" x14ac:dyDescent="0.2">
      <c r="A14" s="236" t="s">
        <v>368</v>
      </c>
      <c r="B14" s="886">
        <v>7779474600</v>
      </c>
      <c r="C14" s="887"/>
      <c r="D14" s="886">
        <v>7779474600</v>
      </c>
      <c r="E14" s="887"/>
      <c r="F14" s="886">
        <v>4841183332.29</v>
      </c>
      <c r="G14" s="887"/>
      <c r="H14" s="544">
        <v>62.230209380592363</v>
      </c>
    </row>
    <row r="15" spans="1:8" s="18" customFormat="1" x14ac:dyDescent="0.2">
      <c r="A15" s="275" t="s">
        <v>317</v>
      </c>
      <c r="B15" s="704">
        <v>7655071400</v>
      </c>
      <c r="C15" s="705"/>
      <c r="D15" s="704">
        <v>7655071400</v>
      </c>
      <c r="E15" s="705"/>
      <c r="F15" s="884">
        <v>4764805095.4499998</v>
      </c>
      <c r="G15" s="885"/>
      <c r="H15" s="544">
        <v>62.243770782464544</v>
      </c>
    </row>
    <row r="16" spans="1:8" s="18" customFormat="1" x14ac:dyDescent="0.2">
      <c r="A16" s="275" t="s">
        <v>318</v>
      </c>
      <c r="B16" s="704">
        <v>28506000</v>
      </c>
      <c r="C16" s="705"/>
      <c r="D16" s="704">
        <v>28506000</v>
      </c>
      <c r="E16" s="705"/>
      <c r="F16" s="884">
        <v>25213517.739999998</v>
      </c>
      <c r="G16" s="885"/>
      <c r="H16" s="544">
        <v>88.449862274608847</v>
      </c>
    </row>
    <row r="17" spans="1:8" s="18" customFormat="1" x14ac:dyDescent="0.2">
      <c r="A17" s="275" t="s">
        <v>319</v>
      </c>
      <c r="B17" s="704">
        <v>16137200</v>
      </c>
      <c r="C17" s="705"/>
      <c r="D17" s="704">
        <v>16137200</v>
      </c>
      <c r="E17" s="705"/>
      <c r="F17" s="884">
        <v>5303343.7699999996</v>
      </c>
      <c r="G17" s="885"/>
      <c r="H17" s="544">
        <v>32.86408899933074</v>
      </c>
    </row>
    <row r="18" spans="1:8" s="18" customFormat="1" ht="21" x14ac:dyDescent="0.2">
      <c r="A18" s="275" t="s">
        <v>320</v>
      </c>
      <c r="B18" s="886">
        <v>0</v>
      </c>
      <c r="C18" s="887"/>
      <c r="D18" s="704">
        <v>0</v>
      </c>
      <c r="E18" s="705"/>
      <c r="F18" s="886">
        <v>0</v>
      </c>
      <c r="G18" s="887"/>
      <c r="H18" s="544">
        <v>0</v>
      </c>
    </row>
    <row r="19" spans="1:8" s="18" customFormat="1" x14ac:dyDescent="0.2">
      <c r="A19" s="257" t="s">
        <v>321</v>
      </c>
      <c r="B19" s="716">
        <v>0</v>
      </c>
      <c r="C19" s="717"/>
      <c r="D19" s="704">
        <v>0</v>
      </c>
      <c r="E19" s="705"/>
      <c r="F19" s="886">
        <v>0</v>
      </c>
      <c r="G19" s="887"/>
      <c r="H19" s="544">
        <v>0</v>
      </c>
    </row>
    <row r="20" spans="1:8" s="18" customFormat="1" ht="21" x14ac:dyDescent="0.2">
      <c r="A20" s="257" t="s">
        <v>322</v>
      </c>
      <c r="B20" s="704">
        <v>79760000</v>
      </c>
      <c r="C20" s="705"/>
      <c r="D20" s="704">
        <v>79760000</v>
      </c>
      <c r="E20" s="705"/>
      <c r="F20" s="884">
        <v>45861375.329999998</v>
      </c>
      <c r="G20" s="885"/>
      <c r="H20" s="544">
        <v>57.499216812938812</v>
      </c>
    </row>
    <row r="21" spans="1:8" s="18" customFormat="1" x14ac:dyDescent="0.2">
      <c r="A21" s="14" t="s">
        <v>323</v>
      </c>
      <c r="B21" s="716">
        <v>0</v>
      </c>
      <c r="C21" s="717"/>
      <c r="D21" s="704">
        <v>0</v>
      </c>
      <c r="E21" s="705"/>
      <c r="F21" s="886">
        <v>0</v>
      </c>
      <c r="G21" s="887"/>
      <c r="H21" s="544">
        <v>0</v>
      </c>
    </row>
    <row r="22" spans="1:8" s="228" customFormat="1" ht="21" x14ac:dyDescent="0.2">
      <c r="A22" s="236" t="s">
        <v>324</v>
      </c>
      <c r="B22" s="886">
        <v>115254600</v>
      </c>
      <c r="C22" s="887"/>
      <c r="D22" s="886">
        <v>115428274.06999999</v>
      </c>
      <c r="E22" s="887"/>
      <c r="F22" s="886">
        <v>112074572.44</v>
      </c>
      <c r="G22" s="887"/>
      <c r="H22" s="544">
        <v>97.094557934768915</v>
      </c>
    </row>
    <row r="23" spans="1:8" s="18" customFormat="1" x14ac:dyDescent="0.2">
      <c r="A23" s="275" t="s">
        <v>325</v>
      </c>
      <c r="B23" s="884">
        <v>114800000</v>
      </c>
      <c r="C23" s="885"/>
      <c r="D23" s="704">
        <v>114800000</v>
      </c>
      <c r="E23" s="705"/>
      <c r="F23" s="884">
        <v>111446298.37</v>
      </c>
      <c r="G23" s="885"/>
      <c r="H23" s="544">
        <v>97.078657116724742</v>
      </c>
    </row>
    <row r="24" spans="1:8" s="18" customFormat="1" x14ac:dyDescent="0.2">
      <c r="A24" s="275" t="s">
        <v>326</v>
      </c>
      <c r="B24" s="884">
        <v>454600</v>
      </c>
      <c r="C24" s="885"/>
      <c r="D24" s="704">
        <v>628274.06999999995</v>
      </c>
      <c r="E24" s="705"/>
      <c r="F24" s="884">
        <v>628274.06999999995</v>
      </c>
      <c r="G24" s="885"/>
      <c r="H24" s="544">
        <v>100</v>
      </c>
    </row>
    <row r="25" spans="1:8" s="18" customFormat="1" x14ac:dyDescent="0.2">
      <c r="A25" s="275" t="s">
        <v>327</v>
      </c>
      <c r="B25" s="886">
        <v>0</v>
      </c>
      <c r="C25" s="887"/>
      <c r="D25" s="704">
        <v>0</v>
      </c>
      <c r="E25" s="705"/>
      <c r="F25" s="886">
        <v>0</v>
      </c>
      <c r="G25" s="887"/>
      <c r="H25" s="544">
        <v>0</v>
      </c>
    </row>
    <row r="26" spans="1:8" s="18" customFormat="1" ht="21" x14ac:dyDescent="0.2">
      <c r="A26" s="275" t="s">
        <v>328</v>
      </c>
      <c r="B26" s="886">
        <v>0</v>
      </c>
      <c r="C26" s="887"/>
      <c r="D26" s="704">
        <v>0</v>
      </c>
      <c r="E26" s="705"/>
      <c r="F26" s="886">
        <v>0</v>
      </c>
      <c r="G26" s="887"/>
      <c r="H26" s="544">
        <v>0</v>
      </c>
    </row>
    <row r="27" spans="1:8" s="18" customFormat="1" x14ac:dyDescent="0.2">
      <c r="A27" s="260" t="s">
        <v>333</v>
      </c>
      <c r="B27" s="886">
        <v>0</v>
      </c>
      <c r="C27" s="887"/>
      <c r="D27" s="704">
        <v>0</v>
      </c>
      <c r="E27" s="705"/>
      <c r="F27" s="886">
        <v>0</v>
      </c>
      <c r="G27" s="887"/>
      <c r="H27" s="544">
        <v>0</v>
      </c>
    </row>
    <row r="28" spans="1:8" s="228" customFormat="1" ht="21" x14ac:dyDescent="0.2">
      <c r="A28" s="236" t="s">
        <v>337</v>
      </c>
      <c r="B28" s="886">
        <v>332391600</v>
      </c>
      <c r="C28" s="887"/>
      <c r="D28" s="886">
        <v>482148082.93000001</v>
      </c>
      <c r="E28" s="887"/>
      <c r="F28" s="886">
        <v>480452713.93000001</v>
      </c>
      <c r="G28" s="887"/>
      <c r="H28" s="544">
        <v>99.648371722293845</v>
      </c>
    </row>
    <row r="29" spans="1:8" s="18" customFormat="1" x14ac:dyDescent="0.2">
      <c r="A29" s="275" t="s">
        <v>329</v>
      </c>
      <c r="B29" s="884">
        <v>317100000</v>
      </c>
      <c r="C29" s="885"/>
      <c r="D29" s="704">
        <v>465747182.35000002</v>
      </c>
      <c r="E29" s="705"/>
      <c r="F29" s="884">
        <v>465747182.35000002</v>
      </c>
      <c r="G29" s="885"/>
      <c r="H29" s="544">
        <v>100</v>
      </c>
    </row>
    <row r="30" spans="1:8" s="18" customFormat="1" x14ac:dyDescent="0.2">
      <c r="A30" s="275" t="s">
        <v>330</v>
      </c>
      <c r="B30" s="884">
        <v>15259400</v>
      </c>
      <c r="C30" s="885"/>
      <c r="D30" s="704">
        <v>15259400</v>
      </c>
      <c r="E30" s="705"/>
      <c r="F30" s="884">
        <v>13564031</v>
      </c>
      <c r="G30" s="885"/>
      <c r="H30" s="544">
        <v>88.889674561254054</v>
      </c>
    </row>
    <row r="31" spans="1:8" s="18" customFormat="1" x14ac:dyDescent="0.2">
      <c r="A31" s="275" t="s">
        <v>331</v>
      </c>
      <c r="B31" s="884">
        <v>32200</v>
      </c>
      <c r="C31" s="885"/>
      <c r="D31" s="704">
        <v>1141500.58</v>
      </c>
      <c r="E31" s="705"/>
      <c r="F31" s="884">
        <v>1141500.58</v>
      </c>
      <c r="G31" s="885"/>
      <c r="H31" s="544">
        <v>100</v>
      </c>
    </row>
    <row r="32" spans="1:8" s="18" customFormat="1" ht="21" x14ac:dyDescent="0.2">
      <c r="A32" s="275" t="s">
        <v>332</v>
      </c>
      <c r="B32" s="886">
        <v>0</v>
      </c>
      <c r="C32" s="887"/>
      <c r="D32" s="704">
        <v>0</v>
      </c>
      <c r="E32" s="705"/>
      <c r="F32" s="886">
        <v>0</v>
      </c>
      <c r="G32" s="887"/>
      <c r="H32" s="544">
        <v>0</v>
      </c>
    </row>
    <row r="33" spans="1:8" s="18" customFormat="1" x14ac:dyDescent="0.2">
      <c r="A33" s="260" t="s">
        <v>334</v>
      </c>
      <c r="B33" s="886">
        <v>0</v>
      </c>
      <c r="C33" s="887"/>
      <c r="D33" s="704">
        <v>0</v>
      </c>
      <c r="E33" s="705"/>
      <c r="F33" s="886">
        <v>0</v>
      </c>
      <c r="G33" s="887"/>
      <c r="H33" s="544">
        <v>0</v>
      </c>
    </row>
    <row r="34" spans="1:8" s="228" customFormat="1" ht="21" x14ac:dyDescent="0.2">
      <c r="A34" s="236" t="s">
        <v>338</v>
      </c>
      <c r="B34" s="886">
        <v>588500000</v>
      </c>
      <c r="C34" s="887"/>
      <c r="D34" s="886">
        <v>588500000</v>
      </c>
      <c r="E34" s="887"/>
      <c r="F34" s="886">
        <v>428633116.37</v>
      </c>
      <c r="G34" s="887"/>
      <c r="H34" s="544">
        <v>72.834854098555653</v>
      </c>
    </row>
    <row r="35" spans="1:8" s="18" customFormat="1" x14ac:dyDescent="0.2">
      <c r="A35" s="275" t="s">
        <v>336</v>
      </c>
      <c r="B35" s="884">
        <v>588500000</v>
      </c>
      <c r="C35" s="885"/>
      <c r="D35" s="704">
        <v>588500000</v>
      </c>
      <c r="E35" s="705"/>
      <c r="F35" s="884">
        <v>428633116.37</v>
      </c>
      <c r="G35" s="885"/>
      <c r="H35" s="544">
        <v>72.834854098555653</v>
      </c>
    </row>
    <row r="36" spans="1:8" s="18" customFormat="1" x14ac:dyDescent="0.2">
      <c r="A36" s="275" t="s">
        <v>454</v>
      </c>
      <c r="B36" s="886">
        <v>0</v>
      </c>
      <c r="C36" s="887"/>
      <c r="D36" s="704">
        <v>0</v>
      </c>
      <c r="E36" s="705"/>
      <c r="F36" s="886">
        <v>0</v>
      </c>
      <c r="G36" s="887"/>
      <c r="H36" s="544">
        <v>0</v>
      </c>
    </row>
    <row r="37" spans="1:8" s="18" customFormat="1" x14ac:dyDescent="0.2">
      <c r="A37" s="275" t="s">
        <v>455</v>
      </c>
      <c r="B37" s="886">
        <v>0</v>
      </c>
      <c r="C37" s="887"/>
      <c r="D37" s="704">
        <v>0</v>
      </c>
      <c r="E37" s="705"/>
      <c r="F37" s="886">
        <v>0</v>
      </c>
      <c r="G37" s="887"/>
      <c r="H37" s="544">
        <v>0</v>
      </c>
    </row>
    <row r="38" spans="1:8" s="18" customFormat="1" ht="21" x14ac:dyDescent="0.2">
      <c r="A38" s="275" t="s">
        <v>456</v>
      </c>
      <c r="B38" s="886">
        <v>0</v>
      </c>
      <c r="C38" s="887"/>
      <c r="D38" s="704">
        <v>0</v>
      </c>
      <c r="E38" s="705"/>
      <c r="F38" s="886">
        <v>0</v>
      </c>
      <c r="G38" s="887"/>
      <c r="H38" s="544">
        <v>0</v>
      </c>
    </row>
    <row r="39" spans="1:8" s="18" customFormat="1" x14ac:dyDescent="0.2">
      <c r="A39" s="260" t="s">
        <v>335</v>
      </c>
      <c r="B39" s="886">
        <v>0</v>
      </c>
      <c r="C39" s="887"/>
      <c r="D39" s="704">
        <v>0</v>
      </c>
      <c r="E39" s="705"/>
      <c r="F39" s="886">
        <v>0</v>
      </c>
      <c r="G39" s="887"/>
      <c r="H39" s="544">
        <v>0</v>
      </c>
    </row>
    <row r="40" spans="1:8" s="228" customFormat="1" x14ac:dyDescent="0.2">
      <c r="A40" s="236" t="s">
        <v>339</v>
      </c>
      <c r="B40" s="886">
        <v>1301100000</v>
      </c>
      <c r="C40" s="887"/>
      <c r="D40" s="886">
        <v>1301100000</v>
      </c>
      <c r="E40" s="887"/>
      <c r="F40" s="886">
        <v>763840131.17999995</v>
      </c>
      <c r="G40" s="887"/>
      <c r="H40" s="544">
        <v>58.707257795711321</v>
      </c>
    </row>
    <row r="41" spans="1:8" s="18" customFormat="1" x14ac:dyDescent="0.2">
      <c r="A41" s="107" t="s">
        <v>190</v>
      </c>
      <c r="B41" s="884">
        <v>1164100000</v>
      </c>
      <c r="C41" s="885"/>
      <c r="D41" s="704">
        <v>1164100000</v>
      </c>
      <c r="E41" s="705"/>
      <c r="F41" s="884">
        <v>698129687.63999999</v>
      </c>
      <c r="G41" s="885"/>
      <c r="H41" s="544">
        <v>59.971625087191818</v>
      </c>
    </row>
    <row r="42" spans="1:8" s="18" customFormat="1" x14ac:dyDescent="0.2">
      <c r="A42" s="107" t="s">
        <v>191</v>
      </c>
      <c r="B42" s="884">
        <v>18100000</v>
      </c>
      <c r="C42" s="885"/>
      <c r="D42" s="704">
        <v>18100000</v>
      </c>
      <c r="E42" s="705"/>
      <c r="F42" s="884">
        <v>12037837.52</v>
      </c>
      <c r="G42" s="885"/>
      <c r="H42" s="544">
        <v>66.507389613259676</v>
      </c>
    </row>
    <row r="43" spans="1:8" s="18" customFormat="1" x14ac:dyDescent="0.2">
      <c r="A43" s="275" t="s">
        <v>192</v>
      </c>
      <c r="B43" s="884">
        <v>118900000</v>
      </c>
      <c r="C43" s="885"/>
      <c r="D43" s="704">
        <v>118900000</v>
      </c>
      <c r="E43" s="705"/>
      <c r="F43" s="884">
        <v>53672606.020000003</v>
      </c>
      <c r="G43" s="885"/>
      <c r="H43" s="544">
        <v>45.140963851976451</v>
      </c>
    </row>
    <row r="44" spans="1:8" s="18" customFormat="1" x14ac:dyDescent="0.2">
      <c r="A44" s="275" t="s">
        <v>193</v>
      </c>
      <c r="B44" s="910">
        <v>0</v>
      </c>
      <c r="C44" s="911"/>
      <c r="D44" s="714">
        <v>0</v>
      </c>
      <c r="E44" s="715"/>
      <c r="F44" s="890">
        <v>0</v>
      </c>
      <c r="G44" s="891"/>
      <c r="H44" s="544">
        <v>0</v>
      </c>
    </row>
    <row r="45" spans="1:8" s="234" customFormat="1" ht="15" customHeight="1" x14ac:dyDescent="0.2">
      <c r="A45" s="276" t="s">
        <v>457</v>
      </c>
      <c r="B45" s="882">
        <v>10116720800</v>
      </c>
      <c r="C45" s="883"/>
      <c r="D45" s="882">
        <v>10266650957</v>
      </c>
      <c r="E45" s="883"/>
      <c r="F45" s="882">
        <v>6626183866.21</v>
      </c>
      <c r="G45" s="883"/>
      <c r="H45" s="442">
        <v>64.540850701582883</v>
      </c>
    </row>
    <row r="46" spans="1:8" s="228" customFormat="1" x14ac:dyDescent="0.15">
      <c r="A46" s="918" t="s">
        <v>194</v>
      </c>
      <c r="B46" s="912" t="s">
        <v>108</v>
      </c>
      <c r="C46" s="913"/>
      <c r="D46" s="872" t="s">
        <v>108</v>
      </c>
      <c r="E46" s="894"/>
      <c r="F46" s="895" t="s">
        <v>109</v>
      </c>
      <c r="G46" s="896"/>
      <c r="H46" s="896"/>
    </row>
    <row r="47" spans="1:8" s="228" customFormat="1" x14ac:dyDescent="0.2">
      <c r="A47" s="919"/>
      <c r="B47" s="873" t="s">
        <v>111</v>
      </c>
      <c r="C47" s="878"/>
      <c r="D47" s="873" t="s">
        <v>112</v>
      </c>
      <c r="E47" s="878"/>
      <c r="F47" s="872" t="s">
        <v>115</v>
      </c>
      <c r="G47" s="894"/>
      <c r="H47" s="225" t="s">
        <v>114</v>
      </c>
    </row>
    <row r="48" spans="1:8" s="228" customFormat="1" x14ac:dyDescent="0.2">
      <c r="A48" s="922"/>
      <c r="B48" s="874"/>
      <c r="C48" s="879"/>
      <c r="D48" s="874" t="s">
        <v>116</v>
      </c>
      <c r="E48" s="879"/>
      <c r="F48" s="874" t="s">
        <v>117</v>
      </c>
      <c r="G48" s="879"/>
      <c r="H48" s="226" t="s">
        <v>188</v>
      </c>
    </row>
    <row r="49" spans="1:8" s="18" customFormat="1" x14ac:dyDescent="0.2">
      <c r="A49" s="258" t="s">
        <v>458</v>
      </c>
      <c r="B49" s="712">
        <v>1924928650</v>
      </c>
      <c r="C49" s="713"/>
      <c r="D49" s="712">
        <v>1924928650</v>
      </c>
      <c r="E49" s="713"/>
      <c r="F49" s="712">
        <v>1198830489.24</v>
      </c>
      <c r="G49" s="713"/>
      <c r="H49" s="545">
        <v>62.279216907078606</v>
      </c>
    </row>
    <row r="50" spans="1:8" s="18" customFormat="1" x14ac:dyDescent="0.2">
      <c r="A50" s="258" t="s">
        <v>459</v>
      </c>
      <c r="B50" s="704">
        <v>166195800</v>
      </c>
      <c r="C50" s="705"/>
      <c r="D50" s="704">
        <v>241074041.465</v>
      </c>
      <c r="E50" s="705"/>
      <c r="F50" s="704">
        <v>240226356.965</v>
      </c>
      <c r="G50" s="705"/>
      <c r="H50" s="546">
        <v>99.648371722293845</v>
      </c>
    </row>
    <row r="51" spans="1:8" s="18" customFormat="1" x14ac:dyDescent="0.2">
      <c r="A51" s="638" t="s">
        <v>460</v>
      </c>
      <c r="B51" s="704">
        <v>29725000</v>
      </c>
      <c r="C51" s="705"/>
      <c r="D51" s="704">
        <v>29725000</v>
      </c>
      <c r="E51" s="705"/>
      <c r="F51" s="704">
        <v>13418151.505000001</v>
      </c>
      <c r="G51" s="705"/>
      <c r="H51" s="546">
        <v>45.140963851976451</v>
      </c>
    </row>
    <row r="52" spans="1:8" s="18" customFormat="1" x14ac:dyDescent="0.2">
      <c r="A52" s="449" t="s">
        <v>461</v>
      </c>
      <c r="B52" s="890">
        <v>2120849450</v>
      </c>
      <c r="C52" s="891"/>
      <c r="D52" s="890">
        <v>2195727691.4650002</v>
      </c>
      <c r="E52" s="891"/>
      <c r="F52" s="890">
        <v>1452474997.71</v>
      </c>
      <c r="G52" s="891"/>
      <c r="H52" s="547">
        <v>66.150051454736698</v>
      </c>
    </row>
    <row r="53" spans="1:8" s="228" customFormat="1" ht="15" customHeight="1" x14ac:dyDescent="0.2">
      <c r="A53" s="238" t="s">
        <v>462</v>
      </c>
      <c r="B53" s="882">
        <v>7995871350</v>
      </c>
      <c r="C53" s="883"/>
      <c r="D53" s="882">
        <v>8070923265.5349998</v>
      </c>
      <c r="E53" s="883"/>
      <c r="F53" s="882">
        <v>5173708868.5</v>
      </c>
      <c r="G53" s="883"/>
      <c r="H53" s="442">
        <v>64.10306105366061</v>
      </c>
    </row>
    <row r="54" spans="1:8" s="228" customFormat="1" x14ac:dyDescent="0.15">
      <c r="A54" s="918" t="s">
        <v>846</v>
      </c>
      <c r="B54" s="912" t="s">
        <v>108</v>
      </c>
      <c r="C54" s="913"/>
      <c r="D54" s="872" t="s">
        <v>108</v>
      </c>
      <c r="E54" s="894"/>
      <c r="F54" s="895" t="s">
        <v>109</v>
      </c>
      <c r="G54" s="896"/>
      <c r="H54" s="896"/>
    </row>
    <row r="55" spans="1:8" s="228" customFormat="1" x14ac:dyDescent="0.2">
      <c r="A55" s="919"/>
      <c r="B55" s="873" t="s">
        <v>111</v>
      </c>
      <c r="C55" s="878"/>
      <c r="D55" s="873" t="s">
        <v>112</v>
      </c>
      <c r="E55" s="878"/>
      <c r="F55" s="872" t="s">
        <v>115</v>
      </c>
      <c r="G55" s="894"/>
      <c r="H55" s="225" t="s">
        <v>114</v>
      </c>
    </row>
    <row r="56" spans="1:8" s="228" customFormat="1" x14ac:dyDescent="0.2">
      <c r="A56" s="922"/>
      <c r="B56" s="874"/>
      <c r="C56" s="879"/>
      <c r="D56" s="874" t="s">
        <v>116</v>
      </c>
      <c r="E56" s="879"/>
      <c r="F56" s="874" t="s">
        <v>117</v>
      </c>
      <c r="G56" s="879"/>
      <c r="H56" s="226" t="s">
        <v>188</v>
      </c>
    </row>
    <row r="57" spans="1:8" s="228" customFormat="1" ht="21" x14ac:dyDescent="0.2">
      <c r="A57" s="264" t="s">
        <v>463</v>
      </c>
      <c r="B57" s="888">
        <v>0</v>
      </c>
      <c r="C57" s="889"/>
      <c r="D57" s="712">
        <v>0</v>
      </c>
      <c r="E57" s="713"/>
      <c r="F57" s="888">
        <v>0</v>
      </c>
      <c r="G57" s="889"/>
      <c r="H57" s="548">
        <v>0</v>
      </c>
    </row>
    <row r="58" spans="1:8" s="228" customFormat="1" x14ac:dyDescent="0.2">
      <c r="A58" s="264" t="s">
        <v>464</v>
      </c>
      <c r="B58" s="716">
        <v>93826500</v>
      </c>
      <c r="C58" s="717"/>
      <c r="D58" s="716">
        <v>106057535.39</v>
      </c>
      <c r="E58" s="717"/>
      <c r="F58" s="716">
        <v>52351481.140000001</v>
      </c>
      <c r="G58" s="717"/>
      <c r="H58" s="547">
        <v>49.361397045000672</v>
      </c>
    </row>
    <row r="59" spans="1:8" s="18" customFormat="1" x14ac:dyDescent="0.2">
      <c r="A59" s="258" t="s">
        <v>465</v>
      </c>
      <c r="B59" s="884">
        <v>52127000</v>
      </c>
      <c r="C59" s="885"/>
      <c r="D59" s="704">
        <v>52127000</v>
      </c>
      <c r="E59" s="705"/>
      <c r="F59" s="884">
        <v>33172475.550000001</v>
      </c>
      <c r="G59" s="885"/>
      <c r="H59" s="546">
        <v>63.637799125213427</v>
      </c>
    </row>
    <row r="60" spans="1:8" s="18" customFormat="1" x14ac:dyDescent="0.2">
      <c r="A60" s="258" t="s">
        <v>466</v>
      </c>
      <c r="B60" s="884">
        <v>12500000</v>
      </c>
      <c r="C60" s="885"/>
      <c r="D60" s="704">
        <v>12500000</v>
      </c>
      <c r="E60" s="705"/>
      <c r="F60" s="884">
        <v>2200</v>
      </c>
      <c r="G60" s="885"/>
      <c r="H60" s="546">
        <v>0</v>
      </c>
    </row>
    <row r="61" spans="1:8" s="18" customFormat="1" x14ac:dyDescent="0.2">
      <c r="A61" s="258" t="s">
        <v>467</v>
      </c>
      <c r="B61" s="886">
        <v>0</v>
      </c>
      <c r="C61" s="887"/>
      <c r="D61" s="704">
        <v>11477541.6</v>
      </c>
      <c r="E61" s="705"/>
      <c r="F61" s="884">
        <v>11477541.6</v>
      </c>
      <c r="G61" s="885"/>
      <c r="H61" s="546">
        <v>100</v>
      </c>
    </row>
    <row r="62" spans="1:8" s="18" customFormat="1" x14ac:dyDescent="0.2">
      <c r="A62" s="258" t="s">
        <v>468</v>
      </c>
      <c r="B62" s="886">
        <v>0</v>
      </c>
      <c r="C62" s="887"/>
      <c r="D62" s="704">
        <v>4731.3599999999997</v>
      </c>
      <c r="E62" s="705"/>
      <c r="F62" s="884">
        <v>4731.3599999999997</v>
      </c>
      <c r="G62" s="885"/>
      <c r="H62" s="546">
        <v>100</v>
      </c>
    </row>
    <row r="63" spans="1:8" s="18" customFormat="1" x14ac:dyDescent="0.2">
      <c r="A63" s="258" t="s">
        <v>469</v>
      </c>
      <c r="B63" s="884">
        <v>29199500</v>
      </c>
      <c r="C63" s="885"/>
      <c r="D63" s="704">
        <v>29199500</v>
      </c>
      <c r="E63" s="705"/>
      <c r="F63" s="884">
        <v>6945770.2000000002</v>
      </c>
      <c r="G63" s="885"/>
      <c r="H63" s="546">
        <v>23.787291563211699</v>
      </c>
    </row>
    <row r="64" spans="1:8" s="18" customFormat="1" x14ac:dyDescent="0.2">
      <c r="A64" s="258" t="s">
        <v>470</v>
      </c>
      <c r="B64" s="886">
        <v>0</v>
      </c>
      <c r="C64" s="887"/>
      <c r="D64" s="704">
        <v>748762.43</v>
      </c>
      <c r="E64" s="705"/>
      <c r="F64" s="884">
        <v>748762.43</v>
      </c>
      <c r="G64" s="885"/>
      <c r="H64" s="546">
        <v>100</v>
      </c>
    </row>
    <row r="65" spans="1:8" s="228" customFormat="1" x14ac:dyDescent="0.2">
      <c r="A65" s="264" t="s">
        <v>471</v>
      </c>
      <c r="B65" s="886">
        <v>58148100</v>
      </c>
      <c r="C65" s="887"/>
      <c r="D65" s="886">
        <v>58148100</v>
      </c>
      <c r="E65" s="887"/>
      <c r="F65" s="716">
        <v>5729064.5300000003</v>
      </c>
      <c r="G65" s="717"/>
      <c r="H65" s="547">
        <v>9.8525395154785791</v>
      </c>
    </row>
    <row r="66" spans="1:8" s="18" customFormat="1" x14ac:dyDescent="0.2">
      <c r="A66" s="258" t="s">
        <v>472</v>
      </c>
      <c r="B66" s="884">
        <v>58148100</v>
      </c>
      <c r="C66" s="885"/>
      <c r="D66" s="704">
        <v>58148100</v>
      </c>
      <c r="E66" s="705"/>
      <c r="F66" s="884">
        <v>5729064.5300000003</v>
      </c>
      <c r="G66" s="885"/>
      <c r="H66" s="546">
        <v>9.8525395154785791</v>
      </c>
    </row>
    <row r="67" spans="1:8" s="18" customFormat="1" x14ac:dyDescent="0.2">
      <c r="A67" s="106" t="s">
        <v>473</v>
      </c>
      <c r="B67" s="886">
        <v>0</v>
      </c>
      <c r="C67" s="887"/>
      <c r="D67" s="704">
        <v>0</v>
      </c>
      <c r="E67" s="705"/>
      <c r="F67" s="886">
        <v>0</v>
      </c>
      <c r="G67" s="887"/>
      <c r="H67" s="547">
        <v>0</v>
      </c>
    </row>
    <row r="68" spans="1:8" s="228" customFormat="1" x14ac:dyDescent="0.2">
      <c r="A68" s="264" t="s">
        <v>474</v>
      </c>
      <c r="B68" s="890">
        <v>0</v>
      </c>
      <c r="C68" s="891"/>
      <c r="D68" s="714">
        <v>0</v>
      </c>
      <c r="E68" s="715"/>
      <c r="F68" s="890">
        <v>0</v>
      </c>
      <c r="G68" s="891"/>
      <c r="H68" s="547">
        <v>0</v>
      </c>
    </row>
    <row r="69" spans="1:8" s="228" customFormat="1" x14ac:dyDescent="0.2">
      <c r="A69" s="239" t="s">
        <v>772</v>
      </c>
      <c r="B69" s="892">
        <v>0</v>
      </c>
      <c r="C69" s="893"/>
      <c r="D69" s="892">
        <v>0</v>
      </c>
      <c r="E69" s="893"/>
      <c r="F69" s="892">
        <v>0</v>
      </c>
      <c r="G69" s="893"/>
      <c r="H69" s="548">
        <v>0</v>
      </c>
    </row>
    <row r="70" spans="1:8" s="228" customFormat="1" ht="21" x14ac:dyDescent="0.2">
      <c r="A70" s="441" t="s">
        <v>796</v>
      </c>
      <c r="B70" s="882">
        <v>151974600</v>
      </c>
      <c r="C70" s="883"/>
      <c r="D70" s="882">
        <v>164205635.38999999</v>
      </c>
      <c r="E70" s="883"/>
      <c r="F70" s="882">
        <v>58080545.670000002</v>
      </c>
      <c r="G70" s="883"/>
      <c r="H70" s="442">
        <v>35.37061656383144</v>
      </c>
    </row>
    <row r="71" spans="1:8" s="228" customFormat="1" x14ac:dyDescent="0.2">
      <c r="A71" s="896" t="s">
        <v>195</v>
      </c>
      <c r="B71" s="896"/>
      <c r="C71" s="896"/>
      <c r="D71" s="896"/>
      <c r="E71" s="896"/>
      <c r="F71" s="896"/>
      <c r="G71" s="896"/>
      <c r="H71" s="896"/>
    </row>
    <row r="72" spans="1:8" s="228" customFormat="1" x14ac:dyDescent="0.2">
      <c r="A72" s="918" t="s">
        <v>196</v>
      </c>
      <c r="B72" s="872" t="s">
        <v>108</v>
      </c>
      <c r="C72" s="894"/>
      <c r="D72" s="872" t="s">
        <v>108</v>
      </c>
      <c r="E72" s="894"/>
      <c r="F72" s="895" t="s">
        <v>109</v>
      </c>
      <c r="G72" s="896"/>
      <c r="H72" s="896"/>
    </row>
    <row r="73" spans="1:8" s="228" customFormat="1" x14ac:dyDescent="0.2">
      <c r="A73" s="919"/>
      <c r="B73" s="873" t="s">
        <v>111</v>
      </c>
      <c r="C73" s="878"/>
      <c r="D73" s="873" t="s">
        <v>112</v>
      </c>
      <c r="E73" s="878"/>
      <c r="F73" s="872" t="s">
        <v>115</v>
      </c>
      <c r="G73" s="894"/>
      <c r="H73" s="225" t="s">
        <v>114</v>
      </c>
    </row>
    <row r="74" spans="1:8" s="228" customFormat="1" x14ac:dyDescent="0.2">
      <c r="A74" s="922"/>
      <c r="B74" s="874"/>
      <c r="C74" s="879"/>
      <c r="D74" s="874" t="s">
        <v>116</v>
      </c>
      <c r="E74" s="879"/>
      <c r="F74" s="874" t="s">
        <v>117</v>
      </c>
      <c r="G74" s="879"/>
      <c r="H74" s="226" t="s">
        <v>188</v>
      </c>
    </row>
    <row r="75" spans="1:8" s="228" customFormat="1" x14ac:dyDescent="0.2">
      <c r="A75" s="241" t="s">
        <v>475</v>
      </c>
      <c r="B75" s="897">
        <v>1481474270</v>
      </c>
      <c r="C75" s="898"/>
      <c r="D75" s="897">
        <v>1496484653.1069999</v>
      </c>
      <c r="E75" s="898"/>
      <c r="F75" s="718">
        <v>949015150.42600012</v>
      </c>
      <c r="G75" s="719"/>
      <c r="H75" s="510">
        <v>63.41629688320932</v>
      </c>
    </row>
    <row r="76" spans="1:8" s="18" customFormat="1" x14ac:dyDescent="0.2">
      <c r="A76" s="258" t="s">
        <v>476</v>
      </c>
      <c r="B76" s="824">
        <v>1170909190</v>
      </c>
      <c r="C76" s="899"/>
      <c r="D76" s="824">
        <v>1170909190</v>
      </c>
      <c r="E76" s="899"/>
      <c r="F76" s="704">
        <v>728470568.61000013</v>
      </c>
      <c r="G76" s="705"/>
      <c r="H76" s="426">
        <v>62.214096091431323</v>
      </c>
    </row>
    <row r="77" spans="1:8" s="18" customFormat="1" x14ac:dyDescent="0.2">
      <c r="A77" s="258" t="s">
        <v>477</v>
      </c>
      <c r="B77" s="824">
        <v>23050920</v>
      </c>
      <c r="C77" s="899"/>
      <c r="D77" s="824">
        <v>23085654.813999999</v>
      </c>
      <c r="E77" s="899"/>
      <c r="F77" s="704">
        <v>22414914.488000002</v>
      </c>
      <c r="G77" s="705"/>
      <c r="H77" s="426">
        <v>97.094557934768929</v>
      </c>
    </row>
    <row r="78" spans="1:8" s="18" customFormat="1" x14ac:dyDescent="0.2">
      <c r="A78" s="258" t="s">
        <v>478</v>
      </c>
      <c r="B78" s="824">
        <v>33239160</v>
      </c>
      <c r="C78" s="899"/>
      <c r="D78" s="824">
        <v>48214808.293000005</v>
      </c>
      <c r="E78" s="899"/>
      <c r="F78" s="704">
        <v>48045271.393000007</v>
      </c>
      <c r="G78" s="705"/>
      <c r="H78" s="426">
        <v>99.648371722293845</v>
      </c>
    </row>
    <row r="79" spans="1:8" s="18" customFormat="1" x14ac:dyDescent="0.2">
      <c r="A79" s="258" t="s">
        <v>479</v>
      </c>
      <c r="B79" s="824">
        <v>232820000</v>
      </c>
      <c r="C79" s="899"/>
      <c r="D79" s="824">
        <v>232820000</v>
      </c>
      <c r="E79" s="899"/>
      <c r="F79" s="704">
        <v>139625937.528</v>
      </c>
      <c r="G79" s="705"/>
      <c r="H79" s="426">
        <v>59.971625087191818</v>
      </c>
    </row>
    <row r="80" spans="1:8" s="18" customFormat="1" x14ac:dyDescent="0.2">
      <c r="A80" s="258" t="s">
        <v>480</v>
      </c>
      <c r="B80" s="824">
        <v>3620000</v>
      </c>
      <c r="C80" s="899"/>
      <c r="D80" s="824">
        <v>3620000</v>
      </c>
      <c r="E80" s="899"/>
      <c r="F80" s="704">
        <v>2407567.5040000002</v>
      </c>
      <c r="G80" s="705"/>
      <c r="H80" s="426">
        <v>66.507389613259676</v>
      </c>
    </row>
    <row r="81" spans="1:8" s="18" customFormat="1" x14ac:dyDescent="0.2">
      <c r="A81" s="258" t="s">
        <v>481</v>
      </c>
      <c r="B81" s="824">
        <v>17835000</v>
      </c>
      <c r="C81" s="899"/>
      <c r="D81" s="824">
        <v>17835000</v>
      </c>
      <c r="E81" s="899"/>
      <c r="F81" s="704">
        <v>8050890.9030000009</v>
      </c>
      <c r="G81" s="705"/>
      <c r="H81" s="426">
        <v>45.140963851976458</v>
      </c>
    </row>
    <row r="82" spans="1:8" s="228" customFormat="1" x14ac:dyDescent="0.2">
      <c r="A82" s="264" t="s">
        <v>482</v>
      </c>
      <c r="B82" s="900">
        <v>922938000</v>
      </c>
      <c r="C82" s="901"/>
      <c r="D82" s="900">
        <v>924948065.45000005</v>
      </c>
      <c r="E82" s="901"/>
      <c r="F82" s="716">
        <v>597362620.17000008</v>
      </c>
      <c r="G82" s="717"/>
      <c r="H82" s="424">
        <v>64.583368783994899</v>
      </c>
    </row>
    <row r="83" spans="1:8" s="18" customFormat="1" x14ac:dyDescent="0.2">
      <c r="A83" s="258" t="s">
        <v>483</v>
      </c>
      <c r="B83" s="824">
        <v>922938000</v>
      </c>
      <c r="C83" s="899"/>
      <c r="D83" s="704">
        <v>922938000</v>
      </c>
      <c r="E83" s="705"/>
      <c r="F83" s="704">
        <v>595352554.72000003</v>
      </c>
      <c r="G83" s="705"/>
      <c r="H83" s="426">
        <v>64.506234949693265</v>
      </c>
    </row>
    <row r="84" spans="1:8" s="18" customFormat="1" x14ac:dyDescent="0.2">
      <c r="A84" s="258" t="s">
        <v>484</v>
      </c>
      <c r="B84" s="824">
        <v>0</v>
      </c>
      <c r="C84" s="899"/>
      <c r="D84" s="704">
        <v>0</v>
      </c>
      <c r="E84" s="705"/>
      <c r="F84" s="716">
        <v>0</v>
      </c>
      <c r="G84" s="717"/>
      <c r="H84" s="532">
        <v>0</v>
      </c>
    </row>
    <row r="85" spans="1:8" s="18" customFormat="1" x14ac:dyDescent="0.2">
      <c r="A85" s="262" t="s">
        <v>485</v>
      </c>
      <c r="B85" s="714">
        <v>0</v>
      </c>
      <c r="C85" s="715"/>
      <c r="D85" s="714">
        <v>2010065.45</v>
      </c>
      <c r="E85" s="715"/>
      <c r="F85" s="714">
        <v>2010065.45</v>
      </c>
      <c r="G85" s="715"/>
      <c r="H85" s="532">
        <v>100</v>
      </c>
    </row>
    <row r="86" spans="1:8" s="228" customFormat="1" ht="15" customHeight="1" x14ac:dyDescent="0.2">
      <c r="A86" s="238" t="s">
        <v>486</v>
      </c>
      <c r="B86" s="749">
        <v>-558536270</v>
      </c>
      <c r="C86" s="757"/>
      <c r="D86" s="749">
        <v>-573546653.10699987</v>
      </c>
      <c r="E86" s="757"/>
      <c r="F86" s="749">
        <v>-353662595.70600009</v>
      </c>
      <c r="G86" s="757"/>
      <c r="H86" s="442">
        <v>61.662393772180444</v>
      </c>
    </row>
    <row r="87" spans="1:8" s="18" customFormat="1" x14ac:dyDescent="0.2">
      <c r="A87" s="281" t="s">
        <v>432</v>
      </c>
      <c r="B87" s="279"/>
      <c r="C87" s="279"/>
      <c r="D87" s="279"/>
      <c r="E87" s="279"/>
      <c r="F87" s="411"/>
      <c r="H87" s="545"/>
    </row>
    <row r="88" spans="1:8" s="18" customFormat="1" x14ac:dyDescent="0.2">
      <c r="A88" s="102" t="s">
        <v>433</v>
      </c>
      <c r="B88" s="280"/>
      <c r="C88" s="280"/>
      <c r="D88" s="280"/>
      <c r="E88" s="280"/>
      <c r="F88" s="280"/>
      <c r="H88" s="569"/>
    </row>
    <row r="89" spans="1:8" s="228" customFormat="1" x14ac:dyDescent="0.2">
      <c r="A89" s="918" t="s">
        <v>197</v>
      </c>
      <c r="B89" s="78" t="s">
        <v>157</v>
      </c>
      <c r="C89" s="78" t="s">
        <v>157</v>
      </c>
      <c r="D89" s="895" t="s">
        <v>158</v>
      </c>
      <c r="E89" s="896"/>
      <c r="F89" s="895" t="s">
        <v>159</v>
      </c>
      <c r="G89" s="896"/>
      <c r="H89" s="970" t="s">
        <v>773</v>
      </c>
    </row>
    <row r="90" spans="1:8" s="228" customFormat="1" x14ac:dyDescent="0.2">
      <c r="A90" s="919"/>
      <c r="B90" s="880" t="s">
        <v>111</v>
      </c>
      <c r="C90" s="79" t="s">
        <v>112</v>
      </c>
      <c r="D90" s="78" t="s">
        <v>115</v>
      </c>
      <c r="E90" s="225" t="s">
        <v>114</v>
      </c>
      <c r="F90" s="78" t="s">
        <v>115</v>
      </c>
      <c r="G90" s="225" t="s">
        <v>114</v>
      </c>
      <c r="H90" s="971"/>
    </row>
    <row r="91" spans="1:8" s="228" customFormat="1" x14ac:dyDescent="0.2">
      <c r="A91" s="922"/>
      <c r="B91" s="881"/>
      <c r="C91" s="224" t="s">
        <v>162</v>
      </c>
      <c r="D91" s="224" t="s">
        <v>163</v>
      </c>
      <c r="E91" s="226" t="s">
        <v>198</v>
      </c>
      <c r="F91" s="224" t="s">
        <v>164</v>
      </c>
      <c r="G91" s="226" t="s">
        <v>452</v>
      </c>
      <c r="H91" s="243" t="s">
        <v>352</v>
      </c>
    </row>
    <row r="92" spans="1:8" s="228" customFormat="1" x14ac:dyDescent="0.2">
      <c r="A92" s="241" t="s">
        <v>487</v>
      </c>
      <c r="B92" s="549">
        <v>913938000</v>
      </c>
      <c r="C92" s="550">
        <v>913938000</v>
      </c>
      <c r="D92" s="550">
        <v>882973991.76999998</v>
      </c>
      <c r="E92" s="551">
        <v>96.612023109882728</v>
      </c>
      <c r="F92" s="550">
        <v>613926954.55999994</v>
      </c>
      <c r="G92" s="552">
        <v>67.173807693738524</v>
      </c>
      <c r="H92" s="553">
        <v>0</v>
      </c>
    </row>
    <row r="93" spans="1:8" s="18" customFormat="1" x14ac:dyDescent="0.2">
      <c r="A93" s="258" t="s">
        <v>488</v>
      </c>
      <c r="B93" s="554">
        <v>548362800</v>
      </c>
      <c r="C93" s="555">
        <v>548362800</v>
      </c>
      <c r="D93" s="555">
        <v>529784395.06199998</v>
      </c>
      <c r="E93" s="556">
        <v>96.612023109882728</v>
      </c>
      <c r="F93" s="555">
        <v>368356172.73599994</v>
      </c>
      <c r="G93" s="556">
        <v>67.173807693738524</v>
      </c>
      <c r="H93" s="557">
        <v>0</v>
      </c>
    </row>
    <row r="94" spans="1:8" s="18" customFormat="1" x14ac:dyDescent="0.2">
      <c r="A94" s="258" t="s">
        <v>489</v>
      </c>
      <c r="B94" s="554">
        <v>365575200</v>
      </c>
      <c r="C94" s="555">
        <v>365575200</v>
      </c>
      <c r="D94" s="555">
        <v>353189596.708</v>
      </c>
      <c r="E94" s="556">
        <v>96.612023109882728</v>
      </c>
      <c r="F94" s="555">
        <v>245570781.824</v>
      </c>
      <c r="G94" s="556">
        <v>67.173807693738524</v>
      </c>
      <c r="H94" s="557">
        <v>0</v>
      </c>
    </row>
    <row r="95" spans="1:8" s="228" customFormat="1" x14ac:dyDescent="0.2">
      <c r="A95" s="264" t="s">
        <v>490</v>
      </c>
      <c r="B95" s="558">
        <v>9000000</v>
      </c>
      <c r="C95" s="559">
        <v>9000000</v>
      </c>
      <c r="D95" s="559">
        <v>8553884.9700000007</v>
      </c>
      <c r="E95" s="551">
        <v>95.043166333333346</v>
      </c>
      <c r="F95" s="559">
        <v>4353651.41</v>
      </c>
      <c r="G95" s="551">
        <v>48.373904555555555</v>
      </c>
      <c r="H95" s="557">
        <v>0</v>
      </c>
    </row>
    <row r="96" spans="1:8" s="18" customFormat="1" x14ac:dyDescent="0.2">
      <c r="A96" s="258" t="s">
        <v>491</v>
      </c>
      <c r="B96" s="554">
        <v>9000000</v>
      </c>
      <c r="C96" s="555">
        <v>9000000</v>
      </c>
      <c r="D96" s="555">
        <v>8553884.9700000007</v>
      </c>
      <c r="E96" s="556">
        <v>95.043166333333346</v>
      </c>
      <c r="F96" s="555">
        <v>4353651.41</v>
      </c>
      <c r="G96" s="556">
        <v>48.373904555555555</v>
      </c>
      <c r="H96" s="557">
        <v>0</v>
      </c>
    </row>
    <row r="97" spans="1:8" s="18" customFormat="1" x14ac:dyDescent="0.2">
      <c r="A97" s="262" t="s">
        <v>492</v>
      </c>
      <c r="B97" s="560">
        <v>0</v>
      </c>
      <c r="C97" s="561">
        <v>0</v>
      </c>
      <c r="D97" s="561">
        <v>0</v>
      </c>
      <c r="E97" s="562">
        <v>0</v>
      </c>
      <c r="F97" s="561">
        <v>0</v>
      </c>
      <c r="G97" s="563">
        <v>0</v>
      </c>
      <c r="H97" s="564">
        <v>0</v>
      </c>
    </row>
    <row r="98" spans="1:8" s="228" customFormat="1" ht="15" customHeight="1" x14ac:dyDescent="0.2">
      <c r="A98" s="238" t="s">
        <v>493</v>
      </c>
      <c r="B98" s="565">
        <v>922938000</v>
      </c>
      <c r="C98" s="565">
        <v>922938000</v>
      </c>
      <c r="D98" s="565">
        <v>891527876.74000001</v>
      </c>
      <c r="E98" s="566">
        <v>96.596724453863629</v>
      </c>
      <c r="F98" s="565">
        <v>618280605.96999991</v>
      </c>
      <c r="G98" s="567">
        <v>66.990481047480969</v>
      </c>
      <c r="H98" s="568">
        <v>0</v>
      </c>
    </row>
    <row r="99" spans="1:8" s="18" customFormat="1" ht="15" customHeight="1" x14ac:dyDescent="0.2">
      <c r="A99" s="896" t="s">
        <v>434</v>
      </c>
      <c r="B99" s="896"/>
      <c r="C99" s="896"/>
      <c r="D99" s="896"/>
      <c r="E99" s="896"/>
      <c r="F99" s="896"/>
      <c r="G99" s="896"/>
      <c r="H99" s="896"/>
    </row>
    <row r="100" spans="1:8" s="228" customFormat="1" x14ac:dyDescent="0.2">
      <c r="A100" s="926" t="s">
        <v>494</v>
      </c>
      <c r="B100" s="926"/>
      <c r="C100" s="926"/>
      <c r="D100" s="926"/>
      <c r="E100" s="926"/>
      <c r="F100" s="927"/>
      <c r="G100" s="888">
        <v>0</v>
      </c>
      <c r="H100" s="925"/>
    </row>
    <row r="101" spans="1:8" s="18" customFormat="1" x14ac:dyDescent="0.2">
      <c r="A101" s="906" t="s">
        <v>495</v>
      </c>
      <c r="B101" s="906"/>
      <c r="C101" s="906"/>
      <c r="D101" s="906"/>
      <c r="E101" s="906"/>
      <c r="F101" s="907"/>
      <c r="G101" s="884">
        <v>0</v>
      </c>
      <c r="H101" s="914"/>
    </row>
    <row r="102" spans="1:8" s="18" customFormat="1" x14ac:dyDescent="0.2">
      <c r="A102" s="906" t="s">
        <v>496</v>
      </c>
      <c r="B102" s="906"/>
      <c r="C102" s="906"/>
      <c r="D102" s="906"/>
      <c r="E102" s="906"/>
      <c r="F102" s="907"/>
      <c r="G102" s="884">
        <v>0</v>
      </c>
      <c r="H102" s="914"/>
    </row>
    <row r="103" spans="1:8" s="228" customFormat="1" x14ac:dyDescent="0.2">
      <c r="A103" s="908" t="s">
        <v>497</v>
      </c>
      <c r="B103" s="908"/>
      <c r="C103" s="908"/>
      <c r="D103" s="908"/>
      <c r="E103" s="908"/>
      <c r="F103" s="909"/>
      <c r="G103" s="884">
        <v>0</v>
      </c>
      <c r="H103" s="914"/>
    </row>
    <row r="104" spans="1:8" s="18" customFormat="1" x14ac:dyDescent="0.2">
      <c r="A104" s="906" t="s">
        <v>498</v>
      </c>
      <c r="B104" s="906"/>
      <c r="C104" s="906"/>
      <c r="D104" s="906"/>
      <c r="E104" s="906"/>
      <c r="F104" s="907"/>
      <c r="G104" s="884">
        <v>0</v>
      </c>
      <c r="H104" s="914"/>
    </row>
    <row r="105" spans="1:8" s="18" customFormat="1" x14ac:dyDescent="0.2">
      <c r="A105" s="974" t="s">
        <v>499</v>
      </c>
      <c r="B105" s="974"/>
      <c r="C105" s="974"/>
      <c r="D105" s="974"/>
      <c r="E105" s="974"/>
      <c r="F105" s="975"/>
      <c r="G105" s="910">
        <v>0</v>
      </c>
      <c r="H105" s="931"/>
    </row>
    <row r="106" spans="1:8" s="228" customFormat="1" ht="15" customHeight="1" x14ac:dyDescent="0.2">
      <c r="A106" s="928" t="s">
        <v>500</v>
      </c>
      <c r="B106" s="928"/>
      <c r="C106" s="928"/>
      <c r="D106" s="928"/>
      <c r="E106" s="928"/>
      <c r="F106" s="929"/>
      <c r="G106" s="882">
        <v>0</v>
      </c>
      <c r="H106" s="930"/>
    </row>
    <row r="107" spans="1:8" s="228" customFormat="1" ht="15" customHeight="1" x14ac:dyDescent="0.2">
      <c r="A107" s="896" t="s">
        <v>435</v>
      </c>
      <c r="B107" s="896"/>
      <c r="C107" s="896"/>
      <c r="D107" s="896"/>
      <c r="E107" s="896"/>
      <c r="F107" s="954"/>
      <c r="G107" s="895" t="s">
        <v>209</v>
      </c>
      <c r="H107" s="896"/>
    </row>
    <row r="108" spans="1:8" s="228" customFormat="1" x14ac:dyDescent="0.2">
      <c r="A108" s="967" t="s">
        <v>501</v>
      </c>
      <c r="B108" s="967"/>
      <c r="C108" s="967"/>
      <c r="D108" s="967"/>
      <c r="E108" s="967"/>
      <c r="F108" s="968"/>
      <c r="G108" s="888">
        <v>618280605.96999991</v>
      </c>
      <c r="H108" s="925"/>
    </row>
    <row r="109" spans="1:8" s="18" customFormat="1" ht="11.25" x14ac:dyDescent="0.2">
      <c r="A109" s="904" t="s">
        <v>637</v>
      </c>
      <c r="B109" s="904"/>
      <c r="C109" s="904"/>
      <c r="D109" s="904"/>
      <c r="E109" s="904"/>
      <c r="F109" s="905"/>
      <c r="G109" s="884">
        <v>102.77291109800039</v>
      </c>
      <c r="H109" s="914"/>
    </row>
    <row r="110" spans="1:8" s="18" customFormat="1" x14ac:dyDescent="0.2">
      <c r="A110" s="904" t="s">
        <v>502</v>
      </c>
      <c r="B110" s="904"/>
      <c r="C110" s="904"/>
      <c r="D110" s="904"/>
      <c r="E110" s="904"/>
      <c r="F110" s="905"/>
      <c r="G110" s="884">
        <v>0.72881215914732311</v>
      </c>
      <c r="H110" s="914"/>
    </row>
    <row r="111" spans="1:8" s="18" customFormat="1" x14ac:dyDescent="0.2">
      <c r="A111" s="902" t="s">
        <v>503</v>
      </c>
      <c r="B111" s="902"/>
      <c r="C111" s="902"/>
      <c r="D111" s="902"/>
      <c r="E111" s="902"/>
      <c r="F111" s="903"/>
      <c r="G111" s="910">
        <v>-3.5017232571477166</v>
      </c>
      <c r="H111" s="931"/>
    </row>
    <row r="112" spans="1:8" s="228" customFormat="1" ht="15" customHeight="1" x14ac:dyDescent="0.2">
      <c r="A112" s="896" t="s">
        <v>341</v>
      </c>
      <c r="B112" s="896"/>
      <c r="C112" s="896"/>
      <c r="D112" s="896"/>
      <c r="E112" s="896"/>
      <c r="F112" s="954"/>
      <c r="G112" s="895" t="s">
        <v>209</v>
      </c>
      <c r="H112" s="896"/>
    </row>
    <row r="113" spans="1:8" s="228" customFormat="1" x14ac:dyDescent="0.2">
      <c r="A113" s="932" t="s">
        <v>804</v>
      </c>
      <c r="B113" s="932"/>
      <c r="C113" s="932"/>
      <c r="D113" s="932"/>
      <c r="E113" s="932"/>
      <c r="F113" s="933"/>
      <c r="G113" s="888">
        <v>0</v>
      </c>
      <c r="H113" s="925"/>
    </row>
    <row r="114" spans="1:8" s="228" customFormat="1" ht="11.25" x14ac:dyDescent="0.2">
      <c r="A114" s="935" t="s">
        <v>805</v>
      </c>
      <c r="B114" s="935"/>
      <c r="C114" s="935"/>
      <c r="D114" s="935"/>
      <c r="E114" s="935"/>
      <c r="F114" s="936"/>
      <c r="G114" s="890">
        <v>0</v>
      </c>
      <c r="H114" s="934"/>
    </row>
    <row r="115" spans="1:8" s="18" customFormat="1" ht="15" customHeight="1" x14ac:dyDescent="0.2">
      <c r="A115" s="896" t="s">
        <v>340</v>
      </c>
      <c r="B115" s="896"/>
      <c r="C115" s="896"/>
      <c r="D115" s="896"/>
      <c r="E115" s="896"/>
      <c r="F115" s="896"/>
      <c r="G115" s="896"/>
      <c r="H115" s="896"/>
    </row>
    <row r="116" spans="1:8" s="228" customFormat="1" x14ac:dyDescent="0.2">
      <c r="A116" s="918" t="s">
        <v>342</v>
      </c>
      <c r="B116" s="872" t="s">
        <v>108</v>
      </c>
      <c r="C116" s="894"/>
      <c r="D116" s="872" t="s">
        <v>108</v>
      </c>
      <c r="E116" s="894"/>
      <c r="F116" s="895" t="s">
        <v>109</v>
      </c>
      <c r="G116" s="896"/>
      <c r="H116" s="896"/>
    </row>
    <row r="117" spans="1:8" s="228" customFormat="1" x14ac:dyDescent="0.2">
      <c r="A117" s="919"/>
      <c r="B117" s="873" t="s">
        <v>111</v>
      </c>
      <c r="C117" s="878"/>
      <c r="D117" s="873" t="s">
        <v>112</v>
      </c>
      <c r="E117" s="878"/>
      <c r="F117" s="872" t="s">
        <v>115</v>
      </c>
      <c r="G117" s="894"/>
      <c r="H117" s="225" t="s">
        <v>114</v>
      </c>
    </row>
    <row r="118" spans="1:8" s="228" customFormat="1" x14ac:dyDescent="0.2">
      <c r="A118" s="922"/>
      <c r="B118" s="874"/>
      <c r="C118" s="879"/>
      <c r="D118" s="874" t="s">
        <v>116</v>
      </c>
      <c r="E118" s="879"/>
      <c r="F118" s="874" t="s">
        <v>117</v>
      </c>
      <c r="G118" s="879"/>
      <c r="H118" s="226" t="s">
        <v>188</v>
      </c>
    </row>
    <row r="119" spans="1:8" s="228" customFormat="1" ht="15" customHeight="1" x14ac:dyDescent="0.2">
      <c r="A119" s="249" t="s">
        <v>774</v>
      </c>
      <c r="B119" s="892">
        <v>1998967837.5</v>
      </c>
      <c r="C119" s="893"/>
      <c r="D119" s="892">
        <v>2017730816.38375</v>
      </c>
      <c r="E119" s="893"/>
      <c r="F119" s="892">
        <v>1293427217.125</v>
      </c>
      <c r="G119" s="893"/>
      <c r="H119" s="570">
        <v>64.10306105366061</v>
      </c>
    </row>
    <row r="120" spans="1:8" s="228" customFormat="1" ht="42.75" x14ac:dyDescent="0.2">
      <c r="A120" s="918" t="s">
        <v>343</v>
      </c>
      <c r="B120" s="78" t="s">
        <v>157</v>
      </c>
      <c r="C120" s="78" t="s">
        <v>157</v>
      </c>
      <c r="D120" s="895" t="s">
        <v>158</v>
      </c>
      <c r="E120" s="896"/>
      <c r="F120" s="895" t="s">
        <v>159</v>
      </c>
      <c r="G120" s="896"/>
      <c r="H120" s="247" t="s">
        <v>773</v>
      </c>
    </row>
    <row r="121" spans="1:8" customFormat="1" ht="12.75" x14ac:dyDescent="0.2">
      <c r="A121" s="919"/>
      <c r="B121" s="880" t="s">
        <v>111</v>
      </c>
      <c r="C121" s="79" t="s">
        <v>112</v>
      </c>
      <c r="D121" s="78" t="s">
        <v>115</v>
      </c>
      <c r="E121" s="225" t="s">
        <v>114</v>
      </c>
      <c r="F121" s="78" t="s">
        <v>115</v>
      </c>
      <c r="G121" s="225" t="s">
        <v>114</v>
      </c>
      <c r="H121" s="248"/>
    </row>
    <row r="122" spans="1:8" s="228" customFormat="1" ht="12.75" customHeight="1" x14ac:dyDescent="0.2">
      <c r="A122" s="922"/>
      <c r="B122" s="881"/>
      <c r="C122" s="224" t="s">
        <v>162</v>
      </c>
      <c r="D122" s="224" t="s">
        <v>163</v>
      </c>
      <c r="E122" s="226" t="s">
        <v>198</v>
      </c>
      <c r="F122" s="224" t="s">
        <v>164</v>
      </c>
      <c r="G122" s="226" t="s">
        <v>452</v>
      </c>
      <c r="H122" s="242" t="s">
        <v>352</v>
      </c>
    </row>
    <row r="123" spans="1:8" s="228" customFormat="1" ht="11.25" customHeight="1" x14ac:dyDescent="0.2">
      <c r="A123" s="640" t="s">
        <v>504</v>
      </c>
      <c r="B123" s="549">
        <v>130400</v>
      </c>
      <c r="C123" s="480">
        <v>0</v>
      </c>
      <c r="D123" s="571">
        <v>0</v>
      </c>
      <c r="E123" s="481">
        <v>0</v>
      </c>
      <c r="F123" s="480">
        <v>0</v>
      </c>
      <c r="G123" s="571">
        <v>0</v>
      </c>
      <c r="H123" s="480">
        <v>0</v>
      </c>
    </row>
    <row r="124" spans="1:8" s="18" customFormat="1" ht="11.25" customHeight="1" x14ac:dyDescent="0.2">
      <c r="A124" s="638" t="s">
        <v>505</v>
      </c>
      <c r="B124" s="572">
        <v>130400</v>
      </c>
      <c r="C124" s="532"/>
      <c r="D124" s="321">
        <v>0</v>
      </c>
      <c r="E124" s="481">
        <v>0</v>
      </c>
      <c r="F124" s="480">
        <v>0</v>
      </c>
      <c r="G124" s="321">
        <v>0</v>
      </c>
      <c r="H124" s="480">
        <v>0</v>
      </c>
    </row>
    <row r="125" spans="1:8" customFormat="1" ht="11.25" customHeight="1" x14ac:dyDescent="0.2">
      <c r="A125" s="638" t="s">
        <v>506</v>
      </c>
      <c r="B125" s="572"/>
      <c r="C125" s="480"/>
      <c r="D125" s="321"/>
      <c r="E125" s="481"/>
      <c r="F125" s="480"/>
      <c r="G125" s="321"/>
      <c r="H125" s="480">
        <v>0</v>
      </c>
    </row>
    <row r="126" spans="1:8" s="228" customFormat="1" ht="11.25" customHeight="1" x14ac:dyDescent="0.2">
      <c r="A126" s="641" t="s">
        <v>507</v>
      </c>
      <c r="B126" s="551">
        <v>558535000</v>
      </c>
      <c r="C126" s="480">
        <v>570211506</v>
      </c>
      <c r="D126" s="321">
        <v>550996333.56199992</v>
      </c>
      <c r="E126" s="551">
        <v>96.630167536815705</v>
      </c>
      <c r="F126" s="480">
        <v>385178323.40599996</v>
      </c>
      <c r="G126" s="535">
        <v>67.550079111521811</v>
      </c>
      <c r="H126" s="480">
        <v>0</v>
      </c>
    </row>
    <row r="127" spans="1:8" s="18" customFormat="1" ht="11.25" customHeight="1" x14ac:dyDescent="0.2">
      <c r="A127" s="638" t="s">
        <v>508</v>
      </c>
      <c r="B127" s="572">
        <v>557362800</v>
      </c>
      <c r="C127" s="532">
        <v>557362800</v>
      </c>
      <c r="D127" s="530">
        <v>538338280.03199995</v>
      </c>
      <c r="E127" s="556">
        <v>96.586690039593591</v>
      </c>
      <c r="F127" s="532">
        <v>372709824.14599997</v>
      </c>
      <c r="G127" s="573">
        <v>66.870236791188788</v>
      </c>
      <c r="H127" s="480">
        <v>0</v>
      </c>
    </row>
    <row r="128" spans="1:8" s="18" customFormat="1" ht="11.25" customHeight="1" x14ac:dyDescent="0.2">
      <c r="A128" s="638" t="s">
        <v>509</v>
      </c>
      <c r="B128" s="572">
        <v>1172200</v>
      </c>
      <c r="C128" s="532">
        <v>12848706</v>
      </c>
      <c r="D128" s="530">
        <v>12658053.529999999</v>
      </c>
      <c r="E128" s="556">
        <v>98.516173768782622</v>
      </c>
      <c r="F128" s="532">
        <v>12468499.26</v>
      </c>
      <c r="G128" s="573">
        <v>97.040894701769957</v>
      </c>
      <c r="H128" s="480">
        <v>0</v>
      </c>
    </row>
    <row r="129" spans="1:8" s="228" customFormat="1" ht="11.25" customHeight="1" x14ac:dyDescent="0.2">
      <c r="A129" s="641" t="s">
        <v>510</v>
      </c>
      <c r="B129" s="558">
        <v>367092200</v>
      </c>
      <c r="C129" s="480">
        <v>382094718</v>
      </c>
      <c r="D129" s="321">
        <v>367153113.34799999</v>
      </c>
      <c r="E129" s="551">
        <v>96.089554775787292</v>
      </c>
      <c r="F129" s="480">
        <v>259534298.46399999</v>
      </c>
      <c r="G129" s="535">
        <v>67.924073858566132</v>
      </c>
      <c r="H129" s="480">
        <v>0</v>
      </c>
    </row>
    <row r="130" spans="1:8" s="18" customFormat="1" ht="11.25" customHeight="1" x14ac:dyDescent="0.2">
      <c r="A130" s="638" t="s">
        <v>511</v>
      </c>
      <c r="B130" s="572">
        <v>365575200</v>
      </c>
      <c r="C130" s="532">
        <v>365575200</v>
      </c>
      <c r="D130" s="530">
        <v>353189596.708</v>
      </c>
      <c r="E130" s="556">
        <v>96.612023109882728</v>
      </c>
      <c r="F130" s="532">
        <v>245570781.824</v>
      </c>
      <c r="G130" s="573">
        <v>67.173807693738524</v>
      </c>
      <c r="H130" s="480">
        <v>0</v>
      </c>
    </row>
    <row r="131" spans="1:8" s="18" customFormat="1" ht="11.25" customHeight="1" x14ac:dyDescent="0.2">
      <c r="A131" s="638" t="s">
        <v>512</v>
      </c>
      <c r="B131" s="572">
        <v>1517000</v>
      </c>
      <c r="C131" s="532">
        <v>16519518</v>
      </c>
      <c r="D131" s="530">
        <v>13963516.640000001</v>
      </c>
      <c r="E131" s="556">
        <v>84.527385363180699</v>
      </c>
      <c r="F131" s="532">
        <v>13963516.640000001</v>
      </c>
      <c r="G131" s="321">
        <v>84.527385363180699</v>
      </c>
      <c r="H131" s="480">
        <v>0</v>
      </c>
    </row>
    <row r="132" spans="1:8" s="228" customFormat="1" ht="11.25" customHeight="1" x14ac:dyDescent="0.2">
      <c r="A132" s="641" t="s">
        <v>513</v>
      </c>
      <c r="B132" s="558">
        <v>30137900</v>
      </c>
      <c r="C132" s="480">
        <v>30137900</v>
      </c>
      <c r="D132" s="321">
        <v>14709778.5</v>
      </c>
      <c r="E132" s="551">
        <v>48.808239791093605</v>
      </c>
      <c r="F132" s="480">
        <v>10672198.5</v>
      </c>
      <c r="G132" s="535">
        <v>35.411221418877894</v>
      </c>
      <c r="H132" s="480">
        <v>0</v>
      </c>
    </row>
    <row r="133" spans="1:8" s="228" customFormat="1" ht="11.25" customHeight="1" x14ac:dyDescent="0.2">
      <c r="A133" s="641" t="s">
        <v>514</v>
      </c>
      <c r="B133" s="558">
        <v>1000000</v>
      </c>
      <c r="C133" s="480">
        <v>196341</v>
      </c>
      <c r="D133" s="321">
        <v>139875.95000000001</v>
      </c>
      <c r="E133" s="551">
        <v>71.241335227996188</v>
      </c>
      <c r="F133" s="480">
        <v>132747.95000000001</v>
      </c>
      <c r="G133" s="321">
        <v>67.610916721418363</v>
      </c>
      <c r="H133" s="480">
        <v>0</v>
      </c>
    </row>
    <row r="134" spans="1:8" s="228" customFormat="1" ht="11.25" customHeight="1" x14ac:dyDescent="0.2">
      <c r="A134" s="666" t="s">
        <v>515</v>
      </c>
      <c r="B134" s="558">
        <v>530341700</v>
      </c>
      <c r="C134" s="480">
        <v>1489110607.46</v>
      </c>
      <c r="D134" s="667">
        <v>1445202182.8700001</v>
      </c>
      <c r="E134" s="551">
        <v>97.05136580385421</v>
      </c>
      <c r="F134" s="480">
        <v>1216439386.3000002</v>
      </c>
      <c r="G134" s="668">
        <v>81.68898805810673</v>
      </c>
      <c r="H134" s="480">
        <v>0</v>
      </c>
    </row>
    <row r="135" spans="1:8" s="228" customFormat="1" ht="15" customHeight="1" x14ac:dyDescent="0.2">
      <c r="A135" s="238" t="s">
        <v>516</v>
      </c>
      <c r="B135" s="574">
        <v>1487237200</v>
      </c>
      <c r="C135" s="574">
        <v>2471751072.46</v>
      </c>
      <c r="D135" s="574">
        <v>2378201284.23</v>
      </c>
      <c r="E135" s="487">
        <v>96.215242332760681</v>
      </c>
      <c r="F135" s="575">
        <v>1871956954.6200001</v>
      </c>
      <c r="G135" s="364">
        <v>75.734040352087021</v>
      </c>
      <c r="H135" s="478">
        <v>0</v>
      </c>
    </row>
    <row r="136" spans="1:8" s="228" customFormat="1" x14ac:dyDescent="0.2">
      <c r="A136" s="945" t="s">
        <v>344</v>
      </c>
      <c r="B136" s="945"/>
      <c r="C136" s="945"/>
      <c r="D136" s="945"/>
      <c r="E136" s="945"/>
      <c r="F136" s="918"/>
      <c r="G136" s="872" t="s">
        <v>209</v>
      </c>
      <c r="H136" s="957"/>
    </row>
    <row r="137" spans="1:8" s="228" customFormat="1" x14ac:dyDescent="0.2">
      <c r="A137" s="947"/>
      <c r="B137" s="947"/>
      <c r="C137" s="947"/>
      <c r="D137" s="947"/>
      <c r="E137" s="947"/>
      <c r="F137" s="919"/>
      <c r="G137" s="873"/>
      <c r="H137" s="958"/>
    </row>
    <row r="138" spans="1:8" s="228" customFormat="1" x14ac:dyDescent="0.2">
      <c r="A138" s="949"/>
      <c r="B138" s="949"/>
      <c r="C138" s="949"/>
      <c r="D138" s="949"/>
      <c r="E138" s="949"/>
      <c r="F138" s="922"/>
      <c r="G138" s="874"/>
      <c r="H138" s="956"/>
    </row>
    <row r="139" spans="1:8" s="18" customFormat="1" ht="12.75" x14ac:dyDescent="0.2">
      <c r="A139" s="648" t="s">
        <v>517</v>
      </c>
      <c r="B139" s="689"/>
      <c r="C139" s="689"/>
      <c r="D139" s="689"/>
      <c r="E139" s="637"/>
      <c r="F139" s="687"/>
      <c r="G139" s="718">
        <v>-353662595.70600009</v>
      </c>
      <c r="H139" s="921"/>
    </row>
    <row r="140" spans="1:8" s="18" customFormat="1" ht="12.75" x14ac:dyDescent="0.2">
      <c r="A140" s="645" t="s">
        <v>518</v>
      </c>
      <c r="B140" s="690"/>
      <c r="C140" s="645"/>
      <c r="D140" s="645"/>
      <c r="E140" s="635"/>
      <c r="F140" s="688"/>
      <c r="G140" s="716">
        <v>0</v>
      </c>
      <c r="H140" s="941"/>
    </row>
    <row r="141" spans="1:8" s="18" customFormat="1" ht="12.75" x14ac:dyDescent="0.2">
      <c r="A141" s="645" t="s">
        <v>519</v>
      </c>
      <c r="B141" s="645"/>
      <c r="C141" s="645"/>
      <c r="D141" s="645"/>
      <c r="E141" s="635"/>
      <c r="F141" s="644"/>
      <c r="G141" s="716">
        <v>2010065.45</v>
      </c>
      <c r="H141" s="941"/>
    </row>
    <row r="142" spans="1:8" s="18" customFormat="1" ht="12.75" x14ac:dyDescent="0.2">
      <c r="A142" s="645" t="s">
        <v>520</v>
      </c>
      <c r="B142" s="645"/>
      <c r="C142" s="645"/>
      <c r="D142" s="645"/>
      <c r="E142" s="635"/>
      <c r="F142" s="644"/>
      <c r="G142" s="716">
        <v>0</v>
      </c>
      <c r="H142" s="941"/>
    </row>
    <row r="143" spans="1:8" s="18" customFormat="1" ht="12.75" x14ac:dyDescent="0.2">
      <c r="A143" s="645" t="s">
        <v>521</v>
      </c>
      <c r="B143" s="645"/>
      <c r="C143" s="645"/>
      <c r="D143" s="645"/>
      <c r="E143" s="635"/>
      <c r="F143" s="644"/>
      <c r="G143" s="716">
        <v>0</v>
      </c>
      <c r="H143" s="941"/>
    </row>
    <row r="144" spans="1:8" s="18" customFormat="1" ht="12.75" x14ac:dyDescent="0.2">
      <c r="A144" s="645" t="s">
        <v>775</v>
      </c>
      <c r="B144" s="645"/>
      <c r="C144" s="645"/>
      <c r="D144" s="645"/>
      <c r="E144" s="635"/>
      <c r="F144" s="644"/>
      <c r="G144" s="716">
        <v>0</v>
      </c>
      <c r="H144" s="941"/>
    </row>
    <row r="145" spans="1:8" s="18" customFormat="1" ht="12.75" x14ac:dyDescent="0.2">
      <c r="A145" s="646" t="s">
        <v>538</v>
      </c>
      <c r="B145" s="646"/>
      <c r="C145" s="646"/>
      <c r="D145" s="646"/>
      <c r="E145" s="646"/>
      <c r="F145" s="647"/>
      <c r="G145" s="708">
        <v>9862012.8200000003</v>
      </c>
      <c r="H145" s="828"/>
    </row>
    <row r="146" spans="1:8" s="18" customFormat="1" ht="15" customHeight="1" x14ac:dyDescent="0.2">
      <c r="A146" s="924" t="s">
        <v>776</v>
      </c>
      <c r="B146" s="924"/>
      <c r="C146" s="924"/>
      <c r="D146" s="924"/>
      <c r="E146" s="265"/>
      <c r="F146" s="276"/>
      <c r="G146" s="749">
        <v>-341790517.43600011</v>
      </c>
      <c r="H146" s="920"/>
    </row>
    <row r="147" spans="1:8" s="18" customFormat="1" ht="15" customHeight="1" x14ac:dyDescent="0.2">
      <c r="A147" s="924" t="s">
        <v>777</v>
      </c>
      <c r="B147" s="924"/>
      <c r="C147" s="924"/>
      <c r="D147" s="924"/>
      <c r="E147" s="265"/>
      <c r="F147" s="276"/>
      <c r="G147" s="749">
        <v>2213747472.0560002</v>
      </c>
      <c r="H147" s="920"/>
    </row>
    <row r="148" spans="1:8" s="18" customFormat="1" ht="6" customHeight="1" x14ac:dyDescent="0.2">
      <c r="A148" s="266"/>
      <c r="B148" s="250"/>
      <c r="C148" s="250"/>
      <c r="D148" s="250"/>
      <c r="E148" s="246"/>
      <c r="F148" s="246"/>
      <c r="G148" s="576"/>
      <c r="H148" s="576"/>
    </row>
    <row r="149" spans="1:8" s="18" customFormat="1" ht="15" customHeight="1" x14ac:dyDescent="0.2">
      <c r="A149" s="237" t="s">
        <v>778</v>
      </c>
      <c r="B149" s="237"/>
      <c r="C149" s="237"/>
      <c r="D149" s="237"/>
      <c r="E149" s="265"/>
      <c r="F149" s="276"/>
      <c r="G149" s="749">
        <v>42.788404379193963</v>
      </c>
      <c r="H149" s="750"/>
    </row>
    <row r="150" spans="1:8" s="18" customFormat="1" ht="6" customHeight="1" x14ac:dyDescent="0.2">
      <c r="A150" s="108"/>
      <c r="B150" s="108"/>
      <c r="C150" s="108"/>
      <c r="D150" s="108"/>
      <c r="E150" s="42"/>
      <c r="F150" s="42"/>
      <c r="G150" s="85"/>
      <c r="H150" s="89"/>
    </row>
    <row r="151" spans="1:8" s="18" customFormat="1" ht="15" customHeight="1" x14ac:dyDescent="0.2">
      <c r="A151" s="956" t="s">
        <v>346</v>
      </c>
      <c r="B151" s="956"/>
      <c r="C151" s="956"/>
      <c r="D151" s="956"/>
      <c r="E151" s="956"/>
      <c r="F151" s="956"/>
      <c r="G151" s="956"/>
      <c r="H151" s="956"/>
    </row>
    <row r="152" spans="1:8" s="228" customFormat="1" ht="42.75" x14ac:dyDescent="0.2">
      <c r="A152" s="918" t="s">
        <v>345</v>
      </c>
      <c r="B152" s="78" t="s">
        <v>157</v>
      </c>
      <c r="C152" s="78" t="s">
        <v>157</v>
      </c>
      <c r="D152" s="895" t="s">
        <v>158</v>
      </c>
      <c r="E152" s="896"/>
      <c r="F152" s="895" t="s">
        <v>159</v>
      </c>
      <c r="G152" s="896"/>
      <c r="H152" s="391" t="s">
        <v>773</v>
      </c>
    </row>
    <row r="153" spans="1:8" s="228" customFormat="1" ht="12.75" customHeight="1" x14ac:dyDescent="0.2">
      <c r="A153" s="919"/>
      <c r="B153" s="880" t="s">
        <v>111</v>
      </c>
      <c r="C153" s="79" t="s">
        <v>112</v>
      </c>
      <c r="D153" s="78" t="s">
        <v>115</v>
      </c>
      <c r="E153" s="225" t="s">
        <v>114</v>
      </c>
      <c r="F153" s="78" t="s">
        <v>115</v>
      </c>
      <c r="G153" s="225" t="s">
        <v>114</v>
      </c>
      <c r="H153" s="972" t="s">
        <v>352</v>
      </c>
    </row>
    <row r="154" spans="1:8" s="657" customFormat="1" x14ac:dyDescent="0.2">
      <c r="A154" s="922"/>
      <c r="B154" s="881"/>
      <c r="C154" s="649" t="s">
        <v>162</v>
      </c>
      <c r="D154" s="649" t="s">
        <v>163</v>
      </c>
      <c r="E154" s="652" t="s">
        <v>198</v>
      </c>
      <c r="F154" s="649" t="s">
        <v>164</v>
      </c>
      <c r="G154" s="652" t="s">
        <v>452</v>
      </c>
      <c r="H154" s="973"/>
    </row>
    <row r="155" spans="1:8" s="228" customFormat="1" ht="21" x14ac:dyDescent="0.2">
      <c r="A155" s="264" t="s">
        <v>779</v>
      </c>
      <c r="B155" s="332">
        <v>0</v>
      </c>
      <c r="C155" s="332">
        <v>0</v>
      </c>
      <c r="D155" s="332">
        <v>0</v>
      </c>
      <c r="E155" s="332">
        <v>0</v>
      </c>
      <c r="F155" s="336">
        <v>0</v>
      </c>
      <c r="G155" s="337">
        <v>0</v>
      </c>
      <c r="H155" s="335">
        <v>0</v>
      </c>
    </row>
    <row r="156" spans="1:8" s="228" customFormat="1" x14ac:dyDescent="0.2">
      <c r="A156" s="641" t="s">
        <v>780</v>
      </c>
      <c r="B156" s="332">
        <v>52127000</v>
      </c>
      <c r="C156" s="332">
        <v>52127000</v>
      </c>
      <c r="D156" s="332">
        <v>45356159.240000002</v>
      </c>
      <c r="E156" s="332">
        <v>87.010875822510414</v>
      </c>
      <c r="F156" s="332">
        <v>30664158.760000002</v>
      </c>
      <c r="G156" s="338">
        <v>58.825865213804754</v>
      </c>
      <c r="H156" s="333">
        <v>0</v>
      </c>
    </row>
    <row r="157" spans="1:8" s="228" customFormat="1" x14ac:dyDescent="0.2">
      <c r="A157" s="641" t="s">
        <v>781</v>
      </c>
      <c r="B157" s="332">
        <v>0</v>
      </c>
      <c r="C157" s="332">
        <v>37008</v>
      </c>
      <c r="D157" s="332">
        <v>37007.78</v>
      </c>
      <c r="E157" s="332">
        <v>0</v>
      </c>
      <c r="F157" s="332">
        <v>37007.78</v>
      </c>
      <c r="G157" s="338">
        <v>99.999405533938599</v>
      </c>
      <c r="H157" s="333">
        <v>0</v>
      </c>
    </row>
    <row r="158" spans="1:8" s="228" customFormat="1" x14ac:dyDescent="0.2">
      <c r="A158" s="639" t="s">
        <v>782</v>
      </c>
      <c r="B158" s="334">
        <v>113584400</v>
      </c>
      <c r="C158" s="334">
        <v>114147900</v>
      </c>
      <c r="D158" s="334">
        <v>59468018.489999995</v>
      </c>
      <c r="E158" s="334">
        <v>52.097339057485939</v>
      </c>
      <c r="F158" s="334">
        <v>32337883.010000002</v>
      </c>
      <c r="G158" s="339">
        <v>28.329809843194663</v>
      </c>
      <c r="H158" s="340"/>
    </row>
    <row r="159" spans="1:8" s="228" customFormat="1" ht="21" x14ac:dyDescent="0.2">
      <c r="A159" s="238" t="s">
        <v>783</v>
      </c>
      <c r="B159" s="341">
        <v>165711400</v>
      </c>
      <c r="C159" s="342">
        <v>166311908</v>
      </c>
      <c r="D159" s="342">
        <v>104861185.50999999</v>
      </c>
      <c r="E159" s="342">
        <v>63.050918464599661</v>
      </c>
      <c r="F159" s="342">
        <v>63039049.550000004</v>
      </c>
      <c r="G159" s="341">
        <v>37.904110600426762</v>
      </c>
      <c r="H159" s="343">
        <v>0</v>
      </c>
    </row>
    <row r="160" spans="1:8" s="228" customFormat="1" ht="15" customHeight="1" x14ac:dyDescent="0.2">
      <c r="A160" s="238" t="s">
        <v>618</v>
      </c>
      <c r="B160" s="344">
        <v>1652948600</v>
      </c>
      <c r="C160" s="344">
        <v>2638062980.46</v>
      </c>
      <c r="D160" s="344">
        <v>2483062469.7399998</v>
      </c>
      <c r="E160" s="342">
        <v>94.124457533118758</v>
      </c>
      <c r="F160" s="314">
        <v>1934996004.1700001</v>
      </c>
      <c r="G160" s="341">
        <v>73.349120870214932</v>
      </c>
      <c r="H160" s="343">
        <v>0</v>
      </c>
    </row>
    <row r="161" spans="1:8" s="228" customFormat="1" x14ac:dyDescent="0.2">
      <c r="A161" s="945" t="s">
        <v>199</v>
      </c>
      <c r="B161" s="945"/>
      <c r="C161" s="872" t="s">
        <v>200</v>
      </c>
      <c r="D161" s="957"/>
      <c r="E161" s="957"/>
      <c r="F161" s="944" t="s">
        <v>877</v>
      </c>
      <c r="G161" s="945"/>
      <c r="H161" s="945"/>
    </row>
    <row r="162" spans="1:8" s="228" customFormat="1" x14ac:dyDescent="0.2">
      <c r="A162" s="947"/>
      <c r="B162" s="947"/>
      <c r="C162" s="873"/>
      <c r="D162" s="958"/>
      <c r="E162" s="958"/>
      <c r="F162" s="946"/>
      <c r="G162" s="947"/>
      <c r="H162" s="947"/>
    </row>
    <row r="163" spans="1:8" s="228" customFormat="1" x14ac:dyDescent="0.2">
      <c r="A163" s="949"/>
      <c r="B163" s="949"/>
      <c r="C163" s="874"/>
      <c r="D163" s="956"/>
      <c r="E163" s="956"/>
      <c r="F163" s="948"/>
      <c r="G163" s="949"/>
      <c r="H163" s="949"/>
    </row>
    <row r="164" spans="1:8" s="228" customFormat="1" x14ac:dyDescent="0.2">
      <c r="A164" s="967" t="s">
        <v>522</v>
      </c>
      <c r="B164" s="967"/>
      <c r="C164" s="942">
        <v>74642435.569999993</v>
      </c>
      <c r="D164" s="943"/>
      <c r="E164" s="969"/>
      <c r="F164" s="942">
        <v>9862012.8200000003</v>
      </c>
      <c r="G164" s="943"/>
      <c r="H164" s="943"/>
    </row>
    <row r="165" spans="1:8" s="18" customFormat="1" x14ac:dyDescent="0.2">
      <c r="A165" s="966" t="s">
        <v>523</v>
      </c>
      <c r="B165" s="966"/>
      <c r="C165" s="939">
        <v>25271377.710000001</v>
      </c>
      <c r="D165" s="940"/>
      <c r="E165" s="952"/>
      <c r="F165" s="939">
        <v>4693607.99</v>
      </c>
      <c r="G165" s="940"/>
      <c r="H165" s="940"/>
    </row>
    <row r="166" spans="1:8" s="18" customFormat="1" x14ac:dyDescent="0.2">
      <c r="A166" s="923" t="s">
        <v>524</v>
      </c>
      <c r="B166" s="923"/>
      <c r="C166" s="950">
        <v>49371057.859999999</v>
      </c>
      <c r="D166" s="951"/>
      <c r="E166" s="953"/>
      <c r="F166" s="950">
        <v>5168404.83</v>
      </c>
      <c r="G166" s="951"/>
      <c r="H166" s="951"/>
    </row>
    <row r="167" spans="1:8" s="18" customFormat="1" ht="6" customHeight="1" x14ac:dyDescent="0.2">
      <c r="A167" s="277"/>
      <c r="B167" s="462"/>
      <c r="C167" s="462"/>
      <c r="D167" s="463"/>
      <c r="E167" s="463"/>
      <c r="F167" s="463"/>
      <c r="G167" s="88"/>
      <c r="H167" s="88"/>
    </row>
    <row r="168" spans="1:8" s="228" customFormat="1" x14ac:dyDescent="0.2">
      <c r="A168" s="964" t="s">
        <v>436</v>
      </c>
      <c r="B168" s="964"/>
      <c r="C168" s="964"/>
      <c r="D168" s="964"/>
      <c r="E168" s="964"/>
      <c r="F168" s="964"/>
      <c r="G168" s="872" t="s">
        <v>209</v>
      </c>
      <c r="H168" s="957"/>
    </row>
    <row r="169" spans="1:8" s="228" customFormat="1" x14ac:dyDescent="0.2">
      <c r="A169" s="965"/>
      <c r="B169" s="965"/>
      <c r="C169" s="965"/>
      <c r="D169" s="965"/>
      <c r="E169" s="965"/>
      <c r="F169" s="965"/>
      <c r="G169" s="874"/>
      <c r="H169" s="956"/>
    </row>
    <row r="170" spans="1:8" s="228" customFormat="1" x14ac:dyDescent="0.2">
      <c r="A170" s="963" t="s">
        <v>875</v>
      </c>
      <c r="B170" s="963"/>
      <c r="C170" s="963"/>
      <c r="D170" s="963"/>
      <c r="E170" s="963"/>
      <c r="F170" s="963"/>
      <c r="G170" s="942">
        <v>53417593.75</v>
      </c>
      <c r="H170" s="943"/>
    </row>
    <row r="171" spans="1:8" s="228" customFormat="1" x14ac:dyDescent="0.2">
      <c r="A171" s="263" t="s">
        <v>525</v>
      </c>
      <c r="B171" s="691"/>
      <c r="C171" s="691"/>
      <c r="D171" s="691"/>
      <c r="E171" s="86"/>
      <c r="F171" s="696"/>
      <c r="G171" s="937">
        <v>595352554.72000003</v>
      </c>
      <c r="H171" s="938"/>
    </row>
    <row r="172" spans="1:8" s="228" customFormat="1" x14ac:dyDescent="0.2">
      <c r="A172" s="263" t="s">
        <v>526</v>
      </c>
      <c r="B172" s="7"/>
      <c r="C172" s="691"/>
      <c r="D172" s="7"/>
      <c r="E172" s="86"/>
      <c r="F172" s="235"/>
      <c r="G172" s="937">
        <v>625088571.38999999</v>
      </c>
      <c r="H172" s="938"/>
    </row>
    <row r="173" spans="1:8" s="18" customFormat="1" x14ac:dyDescent="0.2">
      <c r="A173" s="14" t="s">
        <v>527</v>
      </c>
      <c r="B173" s="14"/>
      <c r="C173" s="14"/>
      <c r="D173" s="14"/>
      <c r="E173" s="83"/>
      <c r="F173" s="82"/>
      <c r="G173" s="939">
        <v>575717513.52999997</v>
      </c>
      <c r="H173" s="940"/>
    </row>
    <row r="174" spans="1:8" s="18" customFormat="1" x14ac:dyDescent="0.2">
      <c r="A174" s="257" t="s">
        <v>528</v>
      </c>
      <c r="B174" s="14"/>
      <c r="C174" s="14"/>
      <c r="D174" s="14"/>
      <c r="E174" s="83"/>
      <c r="F174" s="82"/>
      <c r="G174" s="939">
        <v>49371057.859999999</v>
      </c>
      <c r="H174" s="940"/>
    </row>
    <row r="175" spans="1:8" s="228" customFormat="1" x14ac:dyDescent="0.2">
      <c r="A175" s="263" t="s">
        <v>529</v>
      </c>
      <c r="B175" s="7"/>
      <c r="C175" s="7"/>
      <c r="D175" s="7"/>
      <c r="E175" s="86"/>
      <c r="F175" s="235"/>
      <c r="G175" s="937">
        <v>2010065.45</v>
      </c>
      <c r="H175" s="938"/>
    </row>
    <row r="176" spans="1:8" s="228" customFormat="1" x14ac:dyDescent="0.2">
      <c r="A176" s="259" t="s">
        <v>530</v>
      </c>
      <c r="B176" s="246"/>
      <c r="C176" s="246"/>
      <c r="D176" s="246"/>
      <c r="E176" s="245"/>
      <c r="F176" s="251"/>
      <c r="G176" s="708">
        <v>25691642.530000042</v>
      </c>
      <c r="H176" s="754"/>
    </row>
    <row r="177" spans="1:8" s="18" customFormat="1" x14ac:dyDescent="0.2">
      <c r="A177" s="45" t="s">
        <v>848</v>
      </c>
      <c r="C177" s="358"/>
      <c r="H177" s="296"/>
    </row>
    <row r="178" spans="1:8" s="18" customFormat="1" x14ac:dyDescent="0.2">
      <c r="A178" s="960" t="s">
        <v>630</v>
      </c>
      <c r="B178" s="961"/>
      <c r="C178" s="961"/>
      <c r="D178" s="961"/>
      <c r="E178" s="961"/>
      <c r="F178" s="961"/>
    </row>
    <row r="179" spans="1:8" s="18" customFormat="1" x14ac:dyDescent="0.2">
      <c r="A179" s="959" t="s">
        <v>631</v>
      </c>
      <c r="B179" s="962"/>
      <c r="C179" s="962"/>
      <c r="D179" s="962"/>
      <c r="E179" s="962"/>
      <c r="F179" s="962"/>
    </row>
    <row r="180" spans="1:8" s="18" customFormat="1" ht="11.25" x14ac:dyDescent="0.2">
      <c r="A180" s="959" t="s">
        <v>632</v>
      </c>
      <c r="B180" s="959"/>
      <c r="C180" s="959"/>
      <c r="D180" s="959"/>
      <c r="E180" s="959"/>
      <c r="F180" s="959"/>
    </row>
    <row r="181" spans="1:8" ht="11.25" x14ac:dyDescent="0.2">
      <c r="A181" s="959" t="s">
        <v>633</v>
      </c>
      <c r="B181" s="959"/>
      <c r="C181" s="959"/>
      <c r="D181" s="959"/>
      <c r="E181" s="959"/>
      <c r="F181" s="959"/>
    </row>
    <row r="182" spans="1:8" ht="11.25" x14ac:dyDescent="0.2">
      <c r="A182" s="959" t="s">
        <v>634</v>
      </c>
      <c r="B182" s="959"/>
      <c r="C182" s="959"/>
      <c r="D182" s="959"/>
      <c r="E182" s="959"/>
      <c r="F182" s="959"/>
    </row>
    <row r="183" spans="1:8" x14ac:dyDescent="0.2">
      <c r="A183" s="955" t="s">
        <v>635</v>
      </c>
      <c r="B183" s="955"/>
      <c r="C183" s="955"/>
      <c r="D183" s="955"/>
      <c r="E183" s="955"/>
      <c r="F183" s="955"/>
      <c r="G183" s="955"/>
      <c r="H183" s="955"/>
    </row>
    <row r="184" spans="1:8" x14ac:dyDescent="0.2">
      <c r="A184" s="955" t="s">
        <v>629</v>
      </c>
      <c r="B184" s="955"/>
      <c r="C184" s="955"/>
    </row>
    <row r="191" spans="1:8" s="45" customFormat="1" x14ac:dyDescent="0.2"/>
    <row r="192" spans="1:8" s="45" customFormat="1" x14ac:dyDescent="0.2"/>
    <row r="193" s="45" customFormat="1" x14ac:dyDescent="0.2"/>
    <row r="194" s="45" customFormat="1" x14ac:dyDescent="0.2"/>
    <row r="195" s="45" customFormat="1" x14ac:dyDescent="0.2"/>
    <row r="196" s="45" customFormat="1" x14ac:dyDescent="0.2"/>
    <row r="197" s="45" customFormat="1" x14ac:dyDescent="0.2"/>
  </sheetData>
  <customSheetViews>
    <customSheetView guid="{C779D862-DE28-46CD-A428-4AAA1056D1E1}" showPageBreaks="1" showGridLines="0" fitToPage="1" printArea="1">
      <selection activeCell="A7" sqref="A7:E7"/>
      <pageMargins left="0.19685039370078741" right="0.19685039370078741" top="0.39370078740157483" bottom="0.59055118110236227" header="0" footer="0"/>
      <printOptions horizontalCentered="1"/>
      <pageSetup paperSize="9" scale="49" fitToHeight="2" orientation="portrait" r:id="rId1"/>
      <headerFooter alignWithMargins="0"/>
    </customSheetView>
    <customSheetView guid="{3AAF6A5F-F9AA-430B-9AD9-1261ECDF41B5}" scale="90" showPageBreaks="1" showGridLines="0" fitToPage="1" printArea="1" topLeftCell="A72">
      <selection activeCell="A99" sqref="A99:H99"/>
      <pageMargins left="0.19685039370078741" right="0.19685039370078741" top="0.39370078740157483" bottom="0.59055118110236227" header="0" footer="0"/>
      <printOptions horizontalCentered="1"/>
      <pageSetup paperSize="9" scale="49" fitToHeight="2" orientation="portrait" r:id="rId2"/>
      <headerFooter alignWithMargins="0"/>
    </customSheetView>
    <customSheetView guid="{25EF1E0D-169B-4051-B414-7E1196FC05E4}" showPageBreaks="1" showGridLines="0" fitToPage="1" printArea="1" topLeftCell="B74">
      <selection activeCell="F84" sqref="F84:G84"/>
      <pageMargins left="0.19685039370078741" right="0.19685039370078741" top="0.39370078740157483" bottom="0.39370078740157483" header="0" footer="0"/>
      <printOptions horizontalCentered="1"/>
      <pageSetup paperSize="9" scale="49" fitToHeight="2" orientation="portrait" r:id="rId3"/>
      <headerFooter alignWithMargins="0"/>
    </customSheetView>
    <customSheetView guid="{82EDB5A4-4824-4632-A540-7A52C92F04C7}" scale="90" showPageBreaks="1" showGridLines="0" printArea="1" topLeftCell="A82">
      <pane xSplit="1" topLeftCell="B1" activePane="topRight" state="frozen"/>
      <selection pane="topRight" activeCell="G109" sqref="G109:H109"/>
      <pageMargins left="0.19685039370078741" right="0.19685039370078741" top="0.39370078740157483" bottom="0.39370078740157483" header="0" footer="0"/>
      <printOptions horizontalCentered="1"/>
      <pageSetup paperSize="9" scale="65" fitToHeight="2" orientation="landscape" r:id="rId4"/>
      <headerFooter alignWithMargins="0"/>
    </customSheetView>
    <customSheetView guid="{15F968AB-9DD6-4E60-9FDC-FEF44C5FFDCB}" showPageBreaks="1" showGridLines="0" topLeftCell="A18">
      <pane xSplit="0.99045801526717558" topLeftCell="F1" activePane="topRight"/>
      <selection pane="topRight" activeCell="F42" sqref="F42:G42"/>
      <pageMargins left="0.78740157480314965" right="0.59055118110236227" top="0.98425196850393704" bottom="0.47244094488188981" header="0.51181102362204722" footer="0.51181102362204722"/>
      <printOptions horizontalCentered="1"/>
      <pageSetup scale="60" orientation="landscape" r:id="rId5"/>
      <headerFooter alignWithMargins="0"/>
    </customSheetView>
    <customSheetView guid="{D5976633-8ECB-4B00-B200-C7467CF5B10F}" showGridLines="0">
      <selection activeCell="B14" sqref="B14:C14"/>
      <pageMargins left="0.78740157480314965" right="0.59055118110236227" top="0.98425196850393704" bottom="0.47244094488188981" header="0.51181102362204722" footer="0.51181102362204722"/>
      <printOptions horizontalCentered="1"/>
      <pageSetup scale="65" orientation="landscape" r:id="rId6"/>
      <headerFooter alignWithMargins="0"/>
    </customSheetView>
    <customSheetView guid="{B4FED47C-EE37-4843-A570-282D4F8229D4}" showGridLines="0" fitToPage="1">
      <selection activeCell="A8" sqref="A8"/>
      <pageMargins left="0.19685039370078741" right="0.19685039370078741" top="0.39370078740157483" bottom="0.59055118110236227" header="0" footer="0"/>
      <printOptions horizontalCentered="1"/>
      <pageSetup paperSize="9" scale="48" fitToHeight="2" orientation="portrait" r:id="rId7"/>
      <headerFooter alignWithMargins="0"/>
    </customSheetView>
    <customSheetView guid="{6DBFA32C-4AA4-4E1D-9A48-697377C64CC3}" scale="90" showPageBreaks="1" showGridLines="0" fitToPage="1" printArea="1" topLeftCell="A155">
      <selection activeCell="G174" sqref="G174:H174"/>
      <pageMargins left="0.19685039370078741" right="0.19685039370078741" top="0.39370078740157483" bottom="0.59055118110236227" header="0" footer="0"/>
      <printOptions horizontalCentered="1"/>
      <pageSetup paperSize="9" scale="49" fitToHeight="2" orientation="portrait" r:id="rId8"/>
      <headerFooter alignWithMargins="0"/>
    </customSheetView>
    <customSheetView guid="{09DEEE52-8A8D-4F12-80E3-55185B30DF10}" showGridLines="0" fitToPage="1" topLeftCell="B139">
      <pageMargins left="0.19685039370078741" right="0.19685039370078741" top="0.39370078740157483" bottom="0.59055118110236227" header="0" footer="0"/>
      <printOptions horizontalCentered="1"/>
      <pageSetup paperSize="9" scale="49" fitToHeight="2" orientation="portrait" r:id="rId9"/>
      <headerFooter alignWithMargins="0"/>
    </customSheetView>
  </customSheetViews>
  <mergeCells count="337">
    <mergeCell ref="A72:A74"/>
    <mergeCell ref="H153:H154"/>
    <mergeCell ref="F119:G119"/>
    <mergeCell ref="A107:F107"/>
    <mergeCell ref="F116:H116"/>
    <mergeCell ref="G107:H107"/>
    <mergeCell ref="G111:H111"/>
    <mergeCell ref="D89:E89"/>
    <mergeCell ref="F89:G89"/>
    <mergeCell ref="A105:F105"/>
    <mergeCell ref="A89:A91"/>
    <mergeCell ref="G102:H102"/>
    <mergeCell ref="D75:E75"/>
    <mergeCell ref="D76:E76"/>
    <mergeCell ref="D77:E77"/>
    <mergeCell ref="G110:H110"/>
    <mergeCell ref="G109:H109"/>
    <mergeCell ref="F120:G120"/>
    <mergeCell ref="A54:A56"/>
    <mergeCell ref="A46:A48"/>
    <mergeCell ref="A116:A118"/>
    <mergeCell ref="A120:A122"/>
    <mergeCell ref="A136:F138"/>
    <mergeCell ref="G136:H138"/>
    <mergeCell ref="A99:H99"/>
    <mergeCell ref="D72:E72"/>
    <mergeCell ref="F72:H72"/>
    <mergeCell ref="A71:H71"/>
    <mergeCell ref="D73:E73"/>
    <mergeCell ref="F73:G73"/>
    <mergeCell ref="H89:H90"/>
    <mergeCell ref="F54:H54"/>
    <mergeCell ref="D74:E74"/>
    <mergeCell ref="F74:G74"/>
    <mergeCell ref="F55:G55"/>
    <mergeCell ref="D56:E56"/>
    <mergeCell ref="F56:G56"/>
    <mergeCell ref="B72:C72"/>
    <mergeCell ref="B54:C54"/>
    <mergeCell ref="D62:E62"/>
    <mergeCell ref="D63:E63"/>
    <mergeCell ref="D64:E64"/>
    <mergeCell ref="A184:C184"/>
    <mergeCell ref="A183:H183"/>
    <mergeCell ref="A151:H151"/>
    <mergeCell ref="C161:E163"/>
    <mergeCell ref="A104:F104"/>
    <mergeCell ref="A182:F182"/>
    <mergeCell ref="A178:F178"/>
    <mergeCell ref="A179:F179"/>
    <mergeCell ref="A170:F170"/>
    <mergeCell ref="A180:F180"/>
    <mergeCell ref="G168:H169"/>
    <mergeCell ref="A168:F169"/>
    <mergeCell ref="F152:G152"/>
    <mergeCell ref="A165:B165"/>
    <mergeCell ref="A164:B164"/>
    <mergeCell ref="D152:E152"/>
    <mergeCell ref="A109:F109"/>
    <mergeCell ref="A108:F108"/>
    <mergeCell ref="G176:H176"/>
    <mergeCell ref="C164:E164"/>
    <mergeCell ref="F164:H164"/>
    <mergeCell ref="F165:H165"/>
    <mergeCell ref="A181:F181"/>
    <mergeCell ref="G174:H174"/>
    <mergeCell ref="G175:H175"/>
    <mergeCell ref="D65:E65"/>
    <mergeCell ref="D57:E57"/>
    <mergeCell ref="B62:C62"/>
    <mergeCell ref="B63:C63"/>
    <mergeCell ref="B64:C64"/>
    <mergeCell ref="B65:C65"/>
    <mergeCell ref="G171:H171"/>
    <mergeCell ref="G172:H172"/>
    <mergeCell ref="G173:H173"/>
    <mergeCell ref="G140:H140"/>
    <mergeCell ref="G141:H141"/>
    <mergeCell ref="G142:H142"/>
    <mergeCell ref="G143:H143"/>
    <mergeCell ref="G144:H144"/>
    <mergeCell ref="G145:H145"/>
    <mergeCell ref="G170:H170"/>
    <mergeCell ref="F161:H163"/>
    <mergeCell ref="F166:H166"/>
    <mergeCell ref="C165:E165"/>
    <mergeCell ref="C166:E166"/>
    <mergeCell ref="A161:B163"/>
    <mergeCell ref="A112:F112"/>
    <mergeCell ref="D120:E120"/>
    <mergeCell ref="D117:E117"/>
    <mergeCell ref="D118:E118"/>
    <mergeCell ref="F117:G117"/>
    <mergeCell ref="A113:F113"/>
    <mergeCell ref="A115:H115"/>
    <mergeCell ref="G112:H112"/>
    <mergeCell ref="G114:H114"/>
    <mergeCell ref="A114:F114"/>
    <mergeCell ref="B119:C119"/>
    <mergeCell ref="G149:H149"/>
    <mergeCell ref="G147:H147"/>
    <mergeCell ref="G146:H146"/>
    <mergeCell ref="G139:H139"/>
    <mergeCell ref="F118:G118"/>
    <mergeCell ref="A152:A154"/>
    <mergeCell ref="A166:B166"/>
    <mergeCell ref="F81:G81"/>
    <mergeCell ref="B80:C80"/>
    <mergeCell ref="A146:D146"/>
    <mergeCell ref="A147:D147"/>
    <mergeCell ref="G101:H101"/>
    <mergeCell ref="G100:H100"/>
    <mergeCell ref="G103:H103"/>
    <mergeCell ref="A100:F100"/>
    <mergeCell ref="A101:F101"/>
    <mergeCell ref="G113:H113"/>
    <mergeCell ref="F82:G82"/>
    <mergeCell ref="F83:G83"/>
    <mergeCell ref="D119:E119"/>
    <mergeCell ref="A106:F106"/>
    <mergeCell ref="G108:H108"/>
    <mergeCell ref="G106:H106"/>
    <mergeCell ref="G105:H105"/>
    <mergeCell ref="G104:H104"/>
    <mergeCell ref="A3:H3"/>
    <mergeCell ref="A4:H4"/>
    <mergeCell ref="A5:H5"/>
    <mergeCell ref="A6:H6"/>
    <mergeCell ref="A7:H7"/>
    <mergeCell ref="A9:H9"/>
    <mergeCell ref="F12:G12"/>
    <mergeCell ref="B10:C10"/>
    <mergeCell ref="F10:H10"/>
    <mergeCell ref="D10:E10"/>
    <mergeCell ref="D11:E11"/>
    <mergeCell ref="D12:E12"/>
    <mergeCell ref="F11:G11"/>
    <mergeCell ref="A10:A11"/>
    <mergeCell ref="B13:C13"/>
    <mergeCell ref="B14:C14"/>
    <mergeCell ref="B15:C15"/>
    <mergeCell ref="B16:C16"/>
    <mergeCell ref="B17:C17"/>
    <mergeCell ref="B18:C18"/>
    <mergeCell ref="B19:C19"/>
    <mergeCell ref="B20:C20"/>
    <mergeCell ref="B21:C21"/>
    <mergeCell ref="B22:C22"/>
    <mergeCell ref="B23:C23"/>
    <mergeCell ref="B24:C24"/>
    <mergeCell ref="B25:C25"/>
    <mergeCell ref="B26:C26"/>
    <mergeCell ref="B27:C27"/>
    <mergeCell ref="B28:C28"/>
    <mergeCell ref="B29:C29"/>
    <mergeCell ref="B30:C30"/>
    <mergeCell ref="B31:C31"/>
    <mergeCell ref="B32:C32"/>
    <mergeCell ref="B33:C33"/>
    <mergeCell ref="B34:C34"/>
    <mergeCell ref="B35:C35"/>
    <mergeCell ref="B36:C36"/>
    <mergeCell ref="B37:C37"/>
    <mergeCell ref="B38:C38"/>
    <mergeCell ref="B39:C39"/>
    <mergeCell ref="B40:C40"/>
    <mergeCell ref="B41:C41"/>
    <mergeCell ref="B42:C42"/>
    <mergeCell ref="B43:C43"/>
    <mergeCell ref="B44:C44"/>
    <mergeCell ref="B45:C45"/>
    <mergeCell ref="B49:C49"/>
    <mergeCell ref="B50:C50"/>
    <mergeCell ref="B51:C51"/>
    <mergeCell ref="B46:C46"/>
    <mergeCell ref="F68:G68"/>
    <mergeCell ref="F69:G69"/>
    <mergeCell ref="F70:G70"/>
    <mergeCell ref="F75:G75"/>
    <mergeCell ref="F76:G76"/>
    <mergeCell ref="F77:G77"/>
    <mergeCell ref="F78:G78"/>
    <mergeCell ref="F79:G79"/>
    <mergeCell ref="F60:G60"/>
    <mergeCell ref="F61:G61"/>
    <mergeCell ref="F62:G62"/>
    <mergeCell ref="F63:G63"/>
    <mergeCell ref="F64:G64"/>
    <mergeCell ref="F65:G65"/>
    <mergeCell ref="D78:E78"/>
    <mergeCell ref="D84:E84"/>
    <mergeCell ref="D85:E85"/>
    <mergeCell ref="D86:E86"/>
    <mergeCell ref="A111:F111"/>
    <mergeCell ref="A110:F110"/>
    <mergeCell ref="B116:C116"/>
    <mergeCell ref="D116:E116"/>
    <mergeCell ref="A102:F102"/>
    <mergeCell ref="A103:F103"/>
    <mergeCell ref="B78:C78"/>
    <mergeCell ref="B79:C79"/>
    <mergeCell ref="F80:G80"/>
    <mergeCell ref="D79:E79"/>
    <mergeCell ref="D80:E80"/>
    <mergeCell ref="D81:E81"/>
    <mergeCell ref="D82:E82"/>
    <mergeCell ref="D83:E83"/>
    <mergeCell ref="B83:C83"/>
    <mergeCell ref="B84:C84"/>
    <mergeCell ref="F84:G84"/>
    <mergeCell ref="F85:G85"/>
    <mergeCell ref="F86:G86"/>
    <mergeCell ref="B81:C81"/>
    <mergeCell ref="B52:C52"/>
    <mergeCell ref="B53:C53"/>
    <mergeCell ref="B57:C57"/>
    <mergeCell ref="B58:C58"/>
    <mergeCell ref="B59:C59"/>
    <mergeCell ref="B60:C60"/>
    <mergeCell ref="B61:C61"/>
    <mergeCell ref="B85:C85"/>
    <mergeCell ref="B86:C86"/>
    <mergeCell ref="B70:C70"/>
    <mergeCell ref="B75:C75"/>
    <mergeCell ref="B76:C76"/>
    <mergeCell ref="B77:C77"/>
    <mergeCell ref="B66:C66"/>
    <mergeCell ref="B67:C67"/>
    <mergeCell ref="B68:C68"/>
    <mergeCell ref="B69:C69"/>
    <mergeCell ref="B82:C82"/>
    <mergeCell ref="D46:E46"/>
    <mergeCell ref="F46:H46"/>
    <mergeCell ref="F47:G47"/>
    <mergeCell ref="D48:E48"/>
    <mergeCell ref="F48:G48"/>
    <mergeCell ref="D55:E55"/>
    <mergeCell ref="F57:G57"/>
    <mergeCell ref="F58:G58"/>
    <mergeCell ref="F59:G59"/>
    <mergeCell ref="D47:E47"/>
    <mergeCell ref="D58:E58"/>
    <mergeCell ref="D59:E59"/>
    <mergeCell ref="D60:E60"/>
    <mergeCell ref="D61:E61"/>
    <mergeCell ref="D49:E49"/>
    <mergeCell ref="D50:E50"/>
    <mergeCell ref="D51:E51"/>
    <mergeCell ref="D52:E52"/>
    <mergeCell ref="D53:E53"/>
    <mergeCell ref="D54:E54"/>
    <mergeCell ref="F49:G49"/>
    <mergeCell ref="F50:G50"/>
    <mergeCell ref="F51:G51"/>
    <mergeCell ref="F52:G52"/>
    <mergeCell ref="F53:G53"/>
    <mergeCell ref="D66:E66"/>
    <mergeCell ref="D67:E67"/>
    <mergeCell ref="D68:E68"/>
    <mergeCell ref="D69:E69"/>
    <mergeCell ref="D70:E70"/>
    <mergeCell ref="F66:G66"/>
    <mergeCell ref="F67:G67"/>
    <mergeCell ref="D13:E13"/>
    <mergeCell ref="D14:E14"/>
    <mergeCell ref="D15:E15"/>
    <mergeCell ref="D16:E16"/>
    <mergeCell ref="D17:E17"/>
    <mergeCell ref="D18:E18"/>
    <mergeCell ref="D19:E19"/>
    <mergeCell ref="D20:E20"/>
    <mergeCell ref="D21:E21"/>
    <mergeCell ref="D22:E22"/>
    <mergeCell ref="D23:E23"/>
    <mergeCell ref="D24:E24"/>
    <mergeCell ref="D25:E25"/>
    <mergeCell ref="D26:E26"/>
    <mergeCell ref="D27:E27"/>
    <mergeCell ref="D28:E28"/>
    <mergeCell ref="D29:E29"/>
    <mergeCell ref="D30:E30"/>
    <mergeCell ref="D31:E31"/>
    <mergeCell ref="D32:E32"/>
    <mergeCell ref="D33:E33"/>
    <mergeCell ref="D34:E34"/>
    <mergeCell ref="D35:E35"/>
    <mergeCell ref="F44:G44"/>
    <mergeCell ref="D36:E36"/>
    <mergeCell ref="D37:E37"/>
    <mergeCell ref="D38:E38"/>
    <mergeCell ref="D39:E39"/>
    <mergeCell ref="D40:E40"/>
    <mergeCell ref="D41:E41"/>
    <mergeCell ref="D42:E42"/>
    <mergeCell ref="D43:E43"/>
    <mergeCell ref="D44:E44"/>
    <mergeCell ref="F26:G26"/>
    <mergeCell ref="F27:G27"/>
    <mergeCell ref="F28:G28"/>
    <mergeCell ref="F29:G29"/>
    <mergeCell ref="F30:G30"/>
    <mergeCell ref="F40:G40"/>
    <mergeCell ref="F41:G41"/>
    <mergeCell ref="F42:G42"/>
    <mergeCell ref="F43:G43"/>
    <mergeCell ref="F17:G17"/>
    <mergeCell ref="F18:G18"/>
    <mergeCell ref="F19:G19"/>
    <mergeCell ref="F20:G20"/>
    <mergeCell ref="F21:G21"/>
    <mergeCell ref="F22:G22"/>
    <mergeCell ref="F23:G23"/>
    <mergeCell ref="F24:G24"/>
    <mergeCell ref="F25:G25"/>
    <mergeCell ref="B11:C12"/>
    <mergeCell ref="B47:C48"/>
    <mergeCell ref="B55:C56"/>
    <mergeCell ref="B73:C74"/>
    <mergeCell ref="B90:B91"/>
    <mergeCell ref="B117:C118"/>
    <mergeCell ref="B121:B122"/>
    <mergeCell ref="B153:B154"/>
    <mergeCell ref="F45:G45"/>
    <mergeCell ref="F31:G31"/>
    <mergeCell ref="F32:G32"/>
    <mergeCell ref="F33:G33"/>
    <mergeCell ref="F34:G34"/>
    <mergeCell ref="F35:G35"/>
    <mergeCell ref="F36:G36"/>
    <mergeCell ref="F37:G37"/>
    <mergeCell ref="F38:G38"/>
    <mergeCell ref="F39:G39"/>
    <mergeCell ref="D45:E45"/>
    <mergeCell ref="F13:G13"/>
    <mergeCell ref="F14:G14"/>
    <mergeCell ref="F15:G15"/>
    <mergeCell ref="F16:G16"/>
  </mergeCells>
  <printOptions horizontalCentered="1"/>
  <pageMargins left="0.19685039370078741" right="0.19685039370078741" top="0.39370078740157483" bottom="0.59055118110236227" header="0" footer="0"/>
  <pageSetup paperSize="9" scale="49" fitToHeight="2" orientation="portrait" r:id="rId10"/>
  <headerFooter alignWithMargins="0"/>
  <drawing r:id="rId1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35"/>
  <sheetViews>
    <sheetView showGridLines="0" zoomScaleNormal="100" workbookViewId="0"/>
  </sheetViews>
  <sheetFormatPr defaultRowHeight="10.5" x14ac:dyDescent="0.2"/>
  <cols>
    <col min="1" max="1" width="63.5703125" style="76" customWidth="1"/>
    <col min="2" max="2" width="19" style="76" bestFit="1" customWidth="1"/>
    <col min="3" max="3" width="18.5703125" style="76" customWidth="1"/>
    <col min="4" max="4" width="19.140625" style="76" customWidth="1"/>
    <col min="5" max="5" width="17.28515625" style="76" customWidth="1"/>
    <col min="6" max="6" width="19" style="76" bestFit="1" customWidth="1"/>
    <col min="7" max="7" width="16.85546875" style="76" customWidth="1"/>
    <col min="8" max="8" width="15.7109375" style="76" customWidth="1"/>
    <col min="9" max="16384" width="9.140625" style="76"/>
  </cols>
  <sheetData>
    <row r="1" spans="1:8" s="136" customFormat="1" x14ac:dyDescent="0.2">
      <c r="A1" s="134"/>
      <c r="B1" s="134"/>
      <c r="C1" s="134"/>
      <c r="D1" s="134"/>
      <c r="E1" s="134"/>
      <c r="F1" s="134"/>
      <c r="G1" s="134"/>
    </row>
    <row r="2" spans="1:8" s="136" customFormat="1" x14ac:dyDescent="0.2">
      <c r="A2" s="137"/>
      <c r="B2" s="137"/>
      <c r="C2" s="137"/>
      <c r="D2" s="137"/>
      <c r="E2" s="137"/>
    </row>
    <row r="3" spans="1:8" s="140" customFormat="1" x14ac:dyDescent="0.2">
      <c r="A3" s="1001" t="s">
        <v>638</v>
      </c>
      <c r="B3" s="1001"/>
      <c r="C3" s="1001"/>
      <c r="D3" s="1001"/>
      <c r="E3" s="1001"/>
      <c r="F3" s="1001"/>
      <c r="G3" s="1001"/>
      <c r="H3" s="1001"/>
    </row>
    <row r="4" spans="1:8" s="140" customFormat="1" x14ac:dyDescent="0.2">
      <c r="A4" s="1001" t="s">
        <v>105</v>
      </c>
      <c r="B4" s="1001"/>
      <c r="C4" s="1001"/>
      <c r="D4" s="1001"/>
      <c r="E4" s="1001"/>
      <c r="F4" s="1001"/>
      <c r="G4" s="1001"/>
      <c r="H4" s="1001"/>
    </row>
    <row r="5" spans="1:8" s="140" customFormat="1" x14ac:dyDescent="0.2">
      <c r="A5" s="915" t="s">
        <v>391</v>
      </c>
      <c r="B5" s="915"/>
      <c r="C5" s="915"/>
      <c r="D5" s="915"/>
      <c r="E5" s="915"/>
      <c r="F5" s="915"/>
      <c r="G5" s="915"/>
      <c r="H5" s="915"/>
    </row>
    <row r="6" spans="1:8" s="140" customFormat="1" x14ac:dyDescent="0.2">
      <c r="A6" s="1001" t="s">
        <v>107</v>
      </c>
      <c r="B6" s="1001"/>
      <c r="C6" s="1001"/>
      <c r="D6" s="1001"/>
      <c r="E6" s="1001"/>
      <c r="F6" s="1001"/>
      <c r="G6" s="1001"/>
      <c r="H6" s="1001"/>
    </row>
    <row r="7" spans="1:8" s="140" customFormat="1" x14ac:dyDescent="0.2">
      <c r="A7" s="1001" t="s">
        <v>891</v>
      </c>
      <c r="B7" s="1001"/>
      <c r="C7" s="1001"/>
      <c r="D7" s="1001"/>
      <c r="E7" s="1001"/>
      <c r="F7" s="1001"/>
      <c r="G7" s="1001"/>
      <c r="H7" s="1001"/>
    </row>
    <row r="8" spans="1:8" s="136" customFormat="1" x14ac:dyDescent="0.2">
      <c r="A8" s="137"/>
      <c r="B8" s="137"/>
      <c r="C8" s="137"/>
      <c r="D8" s="137"/>
      <c r="E8" s="137"/>
    </row>
    <row r="9" spans="1:8" s="136" customFormat="1" x14ac:dyDescent="0.2">
      <c r="A9" s="138" t="s">
        <v>414</v>
      </c>
      <c r="B9" s="135"/>
      <c r="C9" s="135"/>
      <c r="D9" s="135"/>
      <c r="H9" s="229">
        <v>1</v>
      </c>
    </row>
    <row r="10" spans="1:8" ht="15" customHeight="1" x14ac:dyDescent="0.2">
      <c r="A10" s="918" t="s">
        <v>392</v>
      </c>
      <c r="B10" s="875" t="s">
        <v>426</v>
      </c>
      <c r="C10" s="872" t="s">
        <v>235</v>
      </c>
      <c r="D10" s="894"/>
      <c r="E10" s="895" t="s">
        <v>109</v>
      </c>
      <c r="F10" s="896"/>
      <c r="G10" s="896"/>
      <c r="H10" s="896"/>
    </row>
    <row r="11" spans="1:8" ht="15" customHeight="1" x14ac:dyDescent="0.15">
      <c r="A11" s="919"/>
      <c r="B11" s="876"/>
      <c r="C11" s="873"/>
      <c r="D11" s="878"/>
      <c r="E11" s="912" t="s">
        <v>115</v>
      </c>
      <c r="F11" s="913"/>
      <c r="G11" s="912" t="s">
        <v>114</v>
      </c>
      <c r="H11" s="991"/>
    </row>
    <row r="12" spans="1:8" ht="15" customHeight="1" x14ac:dyDescent="0.2">
      <c r="A12" s="922"/>
      <c r="B12" s="877"/>
      <c r="C12" s="916" t="s">
        <v>116</v>
      </c>
      <c r="D12" s="917"/>
      <c r="E12" s="916" t="s">
        <v>117</v>
      </c>
      <c r="F12" s="917"/>
      <c r="G12" s="916" t="s">
        <v>224</v>
      </c>
      <c r="H12" s="992"/>
    </row>
    <row r="13" spans="1:8" s="285" customFormat="1" ht="15" customHeight="1" x14ac:dyDescent="0.2">
      <c r="A13" s="99" t="s">
        <v>403</v>
      </c>
      <c r="B13" s="577">
        <v>8815620800</v>
      </c>
      <c r="C13" s="888">
        <v>8965550957</v>
      </c>
      <c r="D13" s="889"/>
      <c r="E13" s="888">
        <v>5862343735.0300007</v>
      </c>
      <c r="F13" s="889"/>
      <c r="G13" s="888">
        <v>65.387434226257795</v>
      </c>
      <c r="H13" s="925"/>
    </row>
    <row r="14" spans="1:8" x14ac:dyDescent="0.2">
      <c r="A14" s="81" t="s">
        <v>404</v>
      </c>
      <c r="B14" s="578">
        <v>114800000</v>
      </c>
      <c r="C14" s="884">
        <v>114800000</v>
      </c>
      <c r="D14" s="885"/>
      <c r="E14" s="884">
        <v>111446298.37</v>
      </c>
      <c r="F14" s="885"/>
      <c r="G14" s="884">
        <v>97.078657116724742</v>
      </c>
      <c r="H14" s="914"/>
    </row>
    <row r="15" spans="1:8" ht="21" x14ac:dyDescent="0.2">
      <c r="A15" s="81" t="s">
        <v>438</v>
      </c>
      <c r="B15" s="578">
        <v>7734831400</v>
      </c>
      <c r="C15" s="884">
        <v>7734831400</v>
      </c>
      <c r="D15" s="885"/>
      <c r="E15" s="884">
        <v>4810666470.7799997</v>
      </c>
      <c r="F15" s="885"/>
      <c r="G15" s="884">
        <v>62.194845911961302</v>
      </c>
      <c r="H15" s="914"/>
    </row>
    <row r="16" spans="1:8" x14ac:dyDescent="0.2">
      <c r="A16" s="81" t="s">
        <v>405</v>
      </c>
      <c r="B16" s="578">
        <v>317100000</v>
      </c>
      <c r="C16" s="884">
        <v>465747182.35000002</v>
      </c>
      <c r="D16" s="885"/>
      <c r="E16" s="884">
        <v>465747182.35000002</v>
      </c>
      <c r="F16" s="885"/>
      <c r="G16" s="884">
        <v>100</v>
      </c>
      <c r="H16" s="914"/>
    </row>
    <row r="17" spans="1:8" ht="12.75" customHeight="1" x14ac:dyDescent="0.2">
      <c r="A17" s="81" t="s">
        <v>393</v>
      </c>
      <c r="B17" s="578">
        <v>588500000</v>
      </c>
      <c r="C17" s="884">
        <v>588500000</v>
      </c>
      <c r="D17" s="885"/>
      <c r="E17" s="884">
        <v>428633116.37</v>
      </c>
      <c r="F17" s="885"/>
      <c r="G17" s="884">
        <v>72.834854098555653</v>
      </c>
      <c r="H17" s="914"/>
    </row>
    <row r="18" spans="1:8" ht="10.5" customHeight="1" x14ac:dyDescent="0.2">
      <c r="A18" s="81" t="s">
        <v>406</v>
      </c>
      <c r="B18" s="323">
        <v>44220000</v>
      </c>
      <c r="C18" s="1008">
        <v>44393674.07</v>
      </c>
      <c r="D18" s="1009"/>
      <c r="E18" s="884">
        <v>39405822.810000002</v>
      </c>
      <c r="F18" s="885"/>
      <c r="G18" s="884">
        <v>88.76449997777803</v>
      </c>
      <c r="H18" s="914"/>
    </row>
    <row r="19" spans="1:8" ht="12.75" customHeight="1" x14ac:dyDescent="0.2">
      <c r="A19" s="81" t="s">
        <v>407</v>
      </c>
      <c r="B19" s="578">
        <v>16169400</v>
      </c>
      <c r="C19" s="1008">
        <v>17278700.579999998</v>
      </c>
      <c r="D19" s="1009"/>
      <c r="E19" s="884">
        <v>6444844.3499999996</v>
      </c>
      <c r="F19" s="885"/>
      <c r="G19" s="884">
        <v>37.299357785387357</v>
      </c>
      <c r="H19" s="914"/>
    </row>
    <row r="20" spans="1:8" ht="12.75" customHeight="1" x14ac:dyDescent="0.2">
      <c r="A20" s="81" t="s">
        <v>408</v>
      </c>
      <c r="B20" s="578">
        <v>0</v>
      </c>
      <c r="C20" s="884">
        <v>0</v>
      </c>
      <c r="D20" s="885"/>
      <c r="E20" s="884">
        <v>0</v>
      </c>
      <c r="F20" s="885"/>
      <c r="G20" s="884">
        <v>0</v>
      </c>
      <c r="H20" s="914"/>
    </row>
    <row r="21" spans="1:8" s="285" customFormat="1" ht="15" customHeight="1" x14ac:dyDescent="0.2">
      <c r="A21" s="286" t="s">
        <v>439</v>
      </c>
      <c r="B21" s="579">
        <v>1301100000</v>
      </c>
      <c r="C21" s="886">
        <v>1301100000</v>
      </c>
      <c r="D21" s="887"/>
      <c r="E21" s="886">
        <v>763840131.17999995</v>
      </c>
      <c r="F21" s="887"/>
      <c r="G21" s="886">
        <v>58.707257795711321</v>
      </c>
      <c r="H21" s="990"/>
    </row>
    <row r="22" spans="1:8" x14ac:dyDescent="0.2">
      <c r="A22" s="81" t="s">
        <v>409</v>
      </c>
      <c r="B22" s="580">
        <v>1164100000</v>
      </c>
      <c r="C22" s="884">
        <v>1164100000</v>
      </c>
      <c r="D22" s="885"/>
      <c r="E22" s="884">
        <v>698129687.63999999</v>
      </c>
      <c r="F22" s="885"/>
      <c r="G22" s="884">
        <v>59.971625087191818</v>
      </c>
      <c r="H22" s="914"/>
    </row>
    <row r="23" spans="1:8" x14ac:dyDescent="0.2">
      <c r="A23" s="81" t="s">
        <v>410</v>
      </c>
      <c r="B23" s="580">
        <v>118900000</v>
      </c>
      <c r="C23" s="884">
        <v>118900000</v>
      </c>
      <c r="D23" s="885"/>
      <c r="E23" s="884">
        <v>53672606.020000003</v>
      </c>
      <c r="F23" s="885"/>
      <c r="G23" s="884">
        <v>45.140963851976451</v>
      </c>
      <c r="H23" s="914"/>
    </row>
    <row r="24" spans="1:8" ht="21" x14ac:dyDescent="0.2">
      <c r="A24" s="81" t="s">
        <v>876</v>
      </c>
      <c r="B24" s="580">
        <v>18100000</v>
      </c>
      <c r="C24" s="884">
        <v>18100000</v>
      </c>
      <c r="D24" s="885"/>
      <c r="E24" s="884">
        <v>12037837.52</v>
      </c>
      <c r="F24" s="885"/>
      <c r="G24" s="884">
        <v>66.507389613259676</v>
      </c>
      <c r="H24" s="914"/>
    </row>
    <row r="25" spans="1:8" x14ac:dyDescent="0.2">
      <c r="A25" s="81" t="s">
        <v>411</v>
      </c>
      <c r="B25" s="580">
        <v>18100000</v>
      </c>
      <c r="C25" s="884">
        <v>18100000</v>
      </c>
      <c r="D25" s="885"/>
      <c r="E25" s="884">
        <v>12037837.52</v>
      </c>
      <c r="F25" s="885"/>
      <c r="G25" s="884">
        <v>66.507389613259676</v>
      </c>
      <c r="H25" s="914"/>
    </row>
    <row r="26" spans="1:8" x14ac:dyDescent="0.2">
      <c r="A26" s="81" t="s">
        <v>412</v>
      </c>
      <c r="B26" s="580">
        <v>0</v>
      </c>
      <c r="C26" s="884">
        <v>0</v>
      </c>
      <c r="D26" s="885"/>
      <c r="E26" s="884">
        <v>0</v>
      </c>
      <c r="F26" s="885"/>
      <c r="G26" s="884">
        <v>0</v>
      </c>
      <c r="H26" s="914"/>
    </row>
    <row r="27" spans="1:8" s="285" customFormat="1" ht="25.5" customHeight="1" x14ac:dyDescent="0.2">
      <c r="A27" s="286" t="s">
        <v>440</v>
      </c>
      <c r="B27" s="577">
        <v>2120849450</v>
      </c>
      <c r="C27" s="886">
        <v>2195727691.4650002</v>
      </c>
      <c r="D27" s="887"/>
      <c r="E27" s="886">
        <v>1452474997.71</v>
      </c>
      <c r="F27" s="887"/>
      <c r="G27" s="886">
        <v>66.150051454736698</v>
      </c>
      <c r="H27" s="990"/>
    </row>
    <row r="28" spans="1:8" x14ac:dyDescent="0.2">
      <c r="A28" s="81" t="s">
        <v>441</v>
      </c>
      <c r="B28" s="580">
        <v>1924928650</v>
      </c>
      <c r="C28" s="884">
        <v>1924928650</v>
      </c>
      <c r="D28" s="885"/>
      <c r="E28" s="884">
        <v>1198830489.24</v>
      </c>
      <c r="F28" s="885"/>
      <c r="G28" s="884">
        <v>62.279216907078606</v>
      </c>
      <c r="H28" s="914"/>
    </row>
    <row r="29" spans="1:8" x14ac:dyDescent="0.2">
      <c r="A29" s="81" t="s">
        <v>442</v>
      </c>
      <c r="B29" s="580">
        <v>166195800</v>
      </c>
      <c r="C29" s="884">
        <v>241074041.465</v>
      </c>
      <c r="D29" s="885"/>
      <c r="E29" s="884">
        <v>240226356.965</v>
      </c>
      <c r="F29" s="885"/>
      <c r="G29" s="884">
        <v>99.648371722293845</v>
      </c>
      <c r="H29" s="914"/>
    </row>
    <row r="30" spans="1:8" ht="12" customHeight="1" x14ac:dyDescent="0.2">
      <c r="A30" s="81" t="s">
        <v>443</v>
      </c>
      <c r="B30" s="580">
        <v>29725000</v>
      </c>
      <c r="C30" s="910">
        <v>29725000</v>
      </c>
      <c r="D30" s="911"/>
      <c r="E30" s="910">
        <v>13418151.505000001</v>
      </c>
      <c r="F30" s="911"/>
      <c r="G30" s="910">
        <v>45.140963851976451</v>
      </c>
      <c r="H30" s="931"/>
    </row>
    <row r="31" spans="1:8" ht="24.95" customHeight="1" x14ac:dyDescent="0.2">
      <c r="A31" s="282" t="s">
        <v>444</v>
      </c>
      <c r="B31" s="581">
        <v>7995871350</v>
      </c>
      <c r="C31" s="882">
        <v>8070923265.5349998</v>
      </c>
      <c r="D31" s="883"/>
      <c r="E31" s="882">
        <v>5173708868.500001</v>
      </c>
      <c r="F31" s="883"/>
      <c r="G31" s="882">
        <v>64.103061053660625</v>
      </c>
      <c r="H31" s="930"/>
    </row>
    <row r="32" spans="1:8" x14ac:dyDescent="0.2">
      <c r="A32" s="83"/>
      <c r="B32" s="86"/>
      <c r="C32" s="83"/>
      <c r="D32" s="329"/>
      <c r="E32" s="83"/>
      <c r="F32" s="359"/>
      <c r="G32" s="83"/>
      <c r="H32" s="83"/>
    </row>
    <row r="33" spans="1:8" ht="15" customHeight="1" x14ac:dyDescent="0.2">
      <c r="A33" s="957" t="s">
        <v>394</v>
      </c>
      <c r="B33" s="875" t="s">
        <v>426</v>
      </c>
      <c r="C33" s="872" t="s">
        <v>235</v>
      </c>
      <c r="D33" s="894"/>
      <c r="E33" s="895" t="s">
        <v>109</v>
      </c>
      <c r="F33" s="896"/>
      <c r="G33" s="896"/>
      <c r="H33" s="896"/>
    </row>
    <row r="34" spans="1:8" ht="15" customHeight="1" x14ac:dyDescent="0.15">
      <c r="A34" s="958"/>
      <c r="B34" s="876"/>
      <c r="C34" s="873"/>
      <c r="D34" s="878"/>
      <c r="E34" s="912" t="s">
        <v>115</v>
      </c>
      <c r="F34" s="913"/>
      <c r="G34" s="912" t="s">
        <v>114</v>
      </c>
      <c r="H34" s="991"/>
    </row>
    <row r="35" spans="1:8" ht="15" customHeight="1" x14ac:dyDescent="0.2">
      <c r="A35" s="956"/>
      <c r="B35" s="877"/>
      <c r="C35" s="916" t="s">
        <v>152</v>
      </c>
      <c r="D35" s="917"/>
      <c r="E35" s="916" t="s">
        <v>162</v>
      </c>
      <c r="F35" s="917"/>
      <c r="G35" s="916" t="s">
        <v>225</v>
      </c>
      <c r="H35" s="992"/>
    </row>
    <row r="36" spans="1:8" s="285" customFormat="1" ht="15.75" customHeight="1" x14ac:dyDescent="0.2">
      <c r="A36" s="284" t="s">
        <v>355</v>
      </c>
      <c r="B36" s="548">
        <v>288751500</v>
      </c>
      <c r="C36" s="888">
        <v>288751500</v>
      </c>
      <c r="D36" s="889"/>
      <c r="E36" s="888">
        <v>122707200.97999999</v>
      </c>
      <c r="F36" s="889"/>
      <c r="G36" s="888">
        <v>42.495779582097406</v>
      </c>
      <c r="H36" s="925"/>
    </row>
    <row r="37" spans="1:8" x14ac:dyDescent="0.2">
      <c r="A37" s="87" t="s">
        <v>395</v>
      </c>
      <c r="B37" s="546">
        <v>205626500</v>
      </c>
      <c r="C37" s="884">
        <v>205626500</v>
      </c>
      <c r="D37" s="885"/>
      <c r="E37" s="884">
        <v>81451700.409999996</v>
      </c>
      <c r="F37" s="885"/>
      <c r="G37" s="884">
        <v>39.611480237226232</v>
      </c>
      <c r="H37" s="914"/>
    </row>
    <row r="38" spans="1:8" x14ac:dyDescent="0.2">
      <c r="A38" s="87" t="s">
        <v>413</v>
      </c>
      <c r="B38" s="546">
        <v>0</v>
      </c>
      <c r="C38" s="884">
        <v>0</v>
      </c>
      <c r="D38" s="885"/>
      <c r="E38" s="884">
        <v>0</v>
      </c>
      <c r="F38" s="885"/>
      <c r="G38" s="884">
        <v>0</v>
      </c>
      <c r="H38" s="914"/>
    </row>
    <row r="39" spans="1:8" x14ac:dyDescent="0.2">
      <c r="A39" s="87" t="s">
        <v>396</v>
      </c>
      <c r="B39" s="546">
        <v>0</v>
      </c>
      <c r="C39" s="884">
        <v>0</v>
      </c>
      <c r="D39" s="885"/>
      <c r="E39" s="884">
        <v>0</v>
      </c>
      <c r="F39" s="885"/>
      <c r="G39" s="884">
        <v>0</v>
      </c>
      <c r="H39" s="914"/>
    </row>
    <row r="40" spans="1:8" s="18" customFormat="1" x14ac:dyDescent="0.2">
      <c r="A40" s="83" t="s">
        <v>445</v>
      </c>
      <c r="B40" s="546">
        <v>83125000</v>
      </c>
      <c r="C40" s="884">
        <v>83125000</v>
      </c>
      <c r="D40" s="885"/>
      <c r="E40" s="884">
        <v>41255500.57</v>
      </c>
      <c r="F40" s="885"/>
      <c r="G40" s="884">
        <v>49.630677377443611</v>
      </c>
      <c r="H40" s="914"/>
    </row>
    <row r="41" spans="1:8" s="285" customFormat="1" ht="15" customHeight="1" x14ac:dyDescent="0.2">
      <c r="A41" s="284" t="s">
        <v>397</v>
      </c>
      <c r="B41" s="547">
        <v>0</v>
      </c>
      <c r="C41" s="886">
        <v>0</v>
      </c>
      <c r="D41" s="887"/>
      <c r="E41" s="886">
        <v>0</v>
      </c>
      <c r="F41" s="887"/>
      <c r="G41" s="886">
        <v>0</v>
      </c>
      <c r="H41" s="990"/>
    </row>
    <row r="42" spans="1:8" s="285" customFormat="1" ht="15" customHeight="1" x14ac:dyDescent="0.2">
      <c r="A42" s="234" t="s">
        <v>351</v>
      </c>
      <c r="B42" s="547">
        <v>0</v>
      </c>
      <c r="C42" s="884">
        <v>0</v>
      </c>
      <c r="D42" s="885"/>
      <c r="E42" s="886">
        <v>0</v>
      </c>
      <c r="F42" s="887"/>
      <c r="G42" s="886">
        <v>0</v>
      </c>
      <c r="H42" s="990"/>
    </row>
    <row r="43" spans="1:8" s="285" customFormat="1" ht="15" customHeight="1" x14ac:dyDescent="0.2">
      <c r="A43" s="269" t="s">
        <v>446</v>
      </c>
      <c r="B43" s="582">
        <v>0</v>
      </c>
      <c r="C43" s="910">
        <v>0</v>
      </c>
      <c r="D43" s="911"/>
      <c r="E43" s="890">
        <v>0</v>
      </c>
      <c r="F43" s="891"/>
      <c r="G43" s="890">
        <v>0</v>
      </c>
      <c r="H43" s="934"/>
    </row>
    <row r="44" spans="1:8" ht="15" customHeight="1" x14ac:dyDescent="0.2">
      <c r="A44" s="237" t="s">
        <v>398</v>
      </c>
      <c r="B44" s="581">
        <v>288751500</v>
      </c>
      <c r="C44" s="882">
        <v>288751500</v>
      </c>
      <c r="D44" s="883"/>
      <c r="E44" s="882">
        <v>122707200.97999999</v>
      </c>
      <c r="F44" s="883"/>
      <c r="G44" s="882">
        <v>42.495779582097406</v>
      </c>
      <c r="H44" s="930"/>
    </row>
    <row r="45" spans="1:8" x14ac:dyDescent="0.2">
      <c r="A45" s="86"/>
      <c r="B45" s="86"/>
      <c r="C45" s="89"/>
      <c r="D45" s="89"/>
      <c r="E45" s="89"/>
      <c r="F45" s="679"/>
      <c r="G45" s="679"/>
    </row>
    <row r="46" spans="1:8" ht="15" customHeight="1" x14ac:dyDescent="0.2">
      <c r="A46" s="894" t="s">
        <v>237</v>
      </c>
      <c r="B46" s="875" t="s">
        <v>784</v>
      </c>
      <c r="C46" s="78" t="s">
        <v>157</v>
      </c>
      <c r="D46" s="895" t="s">
        <v>158</v>
      </c>
      <c r="E46" s="954"/>
      <c r="F46" s="895" t="s">
        <v>159</v>
      </c>
      <c r="G46" s="896"/>
      <c r="H46" s="944" t="s">
        <v>619</v>
      </c>
    </row>
    <row r="47" spans="1:8" ht="21.75" customHeight="1" x14ac:dyDescent="0.2">
      <c r="A47" s="878"/>
      <c r="B47" s="876"/>
      <c r="C47" s="79" t="s">
        <v>112</v>
      </c>
      <c r="D47" s="267" t="s">
        <v>115</v>
      </c>
      <c r="E47" s="256" t="s">
        <v>114</v>
      </c>
      <c r="F47" s="267" t="s">
        <v>115</v>
      </c>
      <c r="G47" s="256" t="s">
        <v>114</v>
      </c>
      <c r="H47" s="946"/>
    </row>
    <row r="48" spans="1:8" ht="15" customHeight="1" x14ac:dyDescent="0.2">
      <c r="A48" s="43" t="s">
        <v>238</v>
      </c>
      <c r="B48" s="877"/>
      <c r="C48" s="634" t="s">
        <v>163</v>
      </c>
      <c r="D48" s="649" t="s">
        <v>233</v>
      </c>
      <c r="E48" s="643" t="s">
        <v>399</v>
      </c>
      <c r="F48" s="649" t="s">
        <v>164</v>
      </c>
      <c r="G48" s="643" t="s">
        <v>400</v>
      </c>
      <c r="H48" s="948"/>
    </row>
    <row r="49" spans="1:8" s="285" customFormat="1" x14ac:dyDescent="0.2">
      <c r="A49" s="240" t="s">
        <v>166</v>
      </c>
      <c r="B49" s="607">
        <v>1158051500</v>
      </c>
      <c r="C49" s="482">
        <v>1749380505.48</v>
      </c>
      <c r="D49" s="482">
        <v>1302186267.22</v>
      </c>
      <c r="E49" s="482">
        <v>74.436994304032353</v>
      </c>
      <c r="F49" s="602">
        <v>935914152.78999996</v>
      </c>
      <c r="G49" s="594">
        <v>53.499747473932281</v>
      </c>
      <c r="H49" s="608">
        <v>0</v>
      </c>
    </row>
    <row r="50" spans="1:8" x14ac:dyDescent="0.2">
      <c r="A50" s="83" t="s">
        <v>206</v>
      </c>
      <c r="B50" s="580">
        <v>359584700</v>
      </c>
      <c r="C50" s="484">
        <v>519662527</v>
      </c>
      <c r="D50" s="593">
        <v>361644321.24000001</v>
      </c>
      <c r="E50" s="598">
        <v>69.592149221873754</v>
      </c>
      <c r="F50" s="593">
        <v>233188984.41</v>
      </c>
      <c r="G50" s="598">
        <v>44.873157538642381</v>
      </c>
      <c r="H50" s="599"/>
    </row>
    <row r="51" spans="1:8" x14ac:dyDescent="0.2">
      <c r="A51" s="83" t="s">
        <v>239</v>
      </c>
      <c r="B51" s="580">
        <v>1031000</v>
      </c>
      <c r="C51" s="484">
        <v>1028000</v>
      </c>
      <c r="D51" s="593">
        <v>981000</v>
      </c>
      <c r="E51" s="598">
        <v>95.42801556420234</v>
      </c>
      <c r="F51" s="593">
        <v>529355.87</v>
      </c>
      <c r="G51" s="598">
        <v>51.493761673151752</v>
      </c>
      <c r="H51" s="599">
        <v>0</v>
      </c>
    </row>
    <row r="52" spans="1:8" x14ac:dyDescent="0.2">
      <c r="A52" s="83" t="s">
        <v>207</v>
      </c>
      <c r="B52" s="580">
        <v>797435800</v>
      </c>
      <c r="C52" s="580">
        <v>1228689978.48</v>
      </c>
      <c r="D52" s="593">
        <v>939560945.98000002</v>
      </c>
      <c r="E52" s="625">
        <v>76.46851219070912</v>
      </c>
      <c r="F52" s="593">
        <v>702195812.50999999</v>
      </c>
      <c r="G52" s="598">
        <v>57.149958476806276</v>
      </c>
      <c r="H52" s="599"/>
    </row>
    <row r="53" spans="1:8" s="285" customFormat="1" x14ac:dyDescent="0.2">
      <c r="A53" s="86" t="s">
        <v>167</v>
      </c>
      <c r="B53" s="577">
        <v>160250000</v>
      </c>
      <c r="C53" s="577">
        <v>163317720</v>
      </c>
      <c r="D53" s="577">
        <v>13857333.26</v>
      </c>
      <c r="E53" s="594">
        <v>8.4848926742303288</v>
      </c>
      <c r="F53" s="602">
        <v>9494636.5</v>
      </c>
      <c r="G53" s="594">
        <v>5.8135984876595144</v>
      </c>
      <c r="H53" s="603">
        <v>0</v>
      </c>
    </row>
    <row r="54" spans="1:8" x14ac:dyDescent="0.2">
      <c r="A54" s="18" t="s">
        <v>240</v>
      </c>
      <c r="B54" s="580">
        <v>157238900</v>
      </c>
      <c r="C54" s="484">
        <v>161056620</v>
      </c>
      <c r="D54" s="593">
        <v>11647333.26</v>
      </c>
      <c r="E54" s="598">
        <v>7.2318252177401954</v>
      </c>
      <c r="F54" s="593">
        <v>8415073.9800000004</v>
      </c>
      <c r="G54" s="598">
        <v>5.2249165417727017</v>
      </c>
      <c r="H54" s="599"/>
    </row>
    <row r="55" spans="1:8" x14ac:dyDescent="0.2">
      <c r="A55" s="18" t="s">
        <v>241</v>
      </c>
      <c r="B55" s="580">
        <v>801100</v>
      </c>
      <c r="C55" s="484">
        <v>51100</v>
      </c>
      <c r="D55" s="593">
        <v>0</v>
      </c>
      <c r="E55" s="598">
        <v>0</v>
      </c>
      <c r="F55" s="593">
        <v>0</v>
      </c>
      <c r="G55" s="598">
        <v>0</v>
      </c>
      <c r="H55" s="599"/>
    </row>
    <row r="56" spans="1:8" ht="12" customHeight="1" x14ac:dyDescent="0.2">
      <c r="A56" s="18" t="s">
        <v>242</v>
      </c>
      <c r="B56" s="580">
        <v>2210000</v>
      </c>
      <c r="C56" s="484">
        <v>2210000</v>
      </c>
      <c r="D56" s="593">
        <v>2210000</v>
      </c>
      <c r="E56" s="598">
        <v>100</v>
      </c>
      <c r="F56" s="593">
        <v>1079562.52</v>
      </c>
      <c r="G56" s="598">
        <v>48.848982805429863</v>
      </c>
      <c r="H56" s="609"/>
    </row>
    <row r="57" spans="1:8" ht="15" customHeight="1" x14ac:dyDescent="0.2">
      <c r="A57" s="237" t="s">
        <v>531</v>
      </c>
      <c r="B57" s="581">
        <v>1318301500</v>
      </c>
      <c r="C57" s="583">
        <v>1912698225.48</v>
      </c>
      <c r="D57" s="589">
        <v>1316043600.48</v>
      </c>
      <c r="E57" s="584">
        <v>68.805605764063131</v>
      </c>
      <c r="F57" s="589">
        <v>945408789.28999996</v>
      </c>
      <c r="G57" s="584">
        <v>49.428016228370034</v>
      </c>
      <c r="H57" s="588">
        <v>0</v>
      </c>
    </row>
    <row r="58" spans="1:8" x14ac:dyDescent="0.2">
      <c r="A58" s="994"/>
      <c r="B58" s="994"/>
      <c r="C58" s="359"/>
      <c r="D58" s="359"/>
      <c r="E58" s="83"/>
      <c r="F58" s="669"/>
    </row>
    <row r="59" spans="1:8" ht="15" customHeight="1" x14ac:dyDescent="0.2">
      <c r="A59" s="918" t="s">
        <v>373</v>
      </c>
      <c r="B59" s="875" t="s">
        <v>784</v>
      </c>
      <c r="C59" s="78" t="s">
        <v>157</v>
      </c>
      <c r="D59" s="895" t="s">
        <v>158</v>
      </c>
      <c r="E59" s="954"/>
      <c r="F59" s="895" t="s">
        <v>159</v>
      </c>
      <c r="G59" s="896"/>
      <c r="H59" s="944" t="s">
        <v>619</v>
      </c>
    </row>
    <row r="60" spans="1:8" ht="24" customHeight="1" x14ac:dyDescent="0.2">
      <c r="A60" s="919"/>
      <c r="B60" s="876"/>
      <c r="C60" s="79" t="s">
        <v>112</v>
      </c>
      <c r="D60" s="642" t="s">
        <v>115</v>
      </c>
      <c r="E60" s="636" t="s">
        <v>114</v>
      </c>
      <c r="F60" s="642" t="s">
        <v>115</v>
      </c>
      <c r="G60" s="636" t="s">
        <v>114</v>
      </c>
      <c r="H60" s="946"/>
    </row>
    <row r="61" spans="1:8" ht="15" customHeight="1" x14ac:dyDescent="0.2">
      <c r="A61" s="922"/>
      <c r="B61" s="877"/>
      <c r="C61" s="95"/>
      <c r="D61" s="649" t="s">
        <v>165</v>
      </c>
      <c r="E61" s="643" t="s">
        <v>620</v>
      </c>
      <c r="F61" s="649" t="s">
        <v>352</v>
      </c>
      <c r="G61" s="643" t="s">
        <v>621</v>
      </c>
      <c r="H61" s="948"/>
    </row>
    <row r="62" spans="1:8" ht="15" customHeight="1" x14ac:dyDescent="0.2">
      <c r="A62" s="287" t="s">
        <v>374</v>
      </c>
      <c r="B62" s="591">
        <v>0</v>
      </c>
      <c r="C62" s="592">
        <v>0</v>
      </c>
      <c r="D62" s="593">
        <v>0</v>
      </c>
      <c r="E62" s="594">
        <v>0</v>
      </c>
      <c r="F62" s="593">
        <v>0</v>
      </c>
      <c r="G62" s="594">
        <v>0</v>
      </c>
      <c r="H62" s="595">
        <v>0</v>
      </c>
    </row>
    <row r="63" spans="1:8" ht="24.95" customHeight="1" x14ac:dyDescent="0.2">
      <c r="A63" s="5" t="s">
        <v>375</v>
      </c>
      <c r="B63" s="596">
        <v>0</v>
      </c>
      <c r="C63" s="597">
        <v>0</v>
      </c>
      <c r="D63" s="593">
        <v>0</v>
      </c>
      <c r="E63" s="483">
        <v>0</v>
      </c>
      <c r="F63" s="598">
        <v>0</v>
      </c>
      <c r="G63" s="482">
        <v>0</v>
      </c>
      <c r="H63" s="599">
        <v>0</v>
      </c>
    </row>
    <row r="64" spans="1:8" x14ac:dyDescent="0.2">
      <c r="A64" s="288" t="s">
        <v>401</v>
      </c>
      <c r="B64" s="600">
        <v>291806500</v>
      </c>
      <c r="C64" s="601">
        <v>292396500</v>
      </c>
      <c r="D64" s="602">
        <v>142981799.34</v>
      </c>
      <c r="E64" s="483">
        <v>10.864518416247783</v>
      </c>
      <c r="F64" s="594">
        <v>82717850.960000008</v>
      </c>
      <c r="G64" s="482">
        <v>8.7494269036911465</v>
      </c>
      <c r="H64" s="603">
        <v>0</v>
      </c>
    </row>
    <row r="65" spans="1:8" x14ac:dyDescent="0.2">
      <c r="A65" s="77" t="s">
        <v>402</v>
      </c>
      <c r="B65" s="546">
        <v>210631500</v>
      </c>
      <c r="C65" s="546">
        <v>211221500</v>
      </c>
      <c r="D65" s="593">
        <v>103883551.34</v>
      </c>
      <c r="E65" s="485">
        <v>7.8936253557337004</v>
      </c>
      <c r="F65" s="598">
        <v>58126994.359999999</v>
      </c>
      <c r="G65" s="484">
        <v>6.1483450353421452</v>
      </c>
      <c r="H65" s="599">
        <v>0</v>
      </c>
    </row>
    <row r="66" spans="1:8" x14ac:dyDescent="0.2">
      <c r="A66" s="77" t="s">
        <v>376</v>
      </c>
      <c r="B66" s="546">
        <v>3000000</v>
      </c>
      <c r="C66" s="546">
        <v>3000000</v>
      </c>
      <c r="D66" s="593">
        <v>0</v>
      </c>
      <c r="E66" s="485">
        <v>0</v>
      </c>
      <c r="F66" s="598">
        <v>0</v>
      </c>
      <c r="G66" s="484">
        <v>0</v>
      </c>
      <c r="H66" s="599">
        <v>0</v>
      </c>
    </row>
    <row r="67" spans="1:8" x14ac:dyDescent="0.2">
      <c r="A67" s="96" t="s">
        <v>377</v>
      </c>
      <c r="B67" s="546">
        <v>78175000</v>
      </c>
      <c r="C67" s="546">
        <v>78175000</v>
      </c>
      <c r="D67" s="546">
        <v>39098248</v>
      </c>
      <c r="E67" s="580">
        <v>2.9708930605140829</v>
      </c>
      <c r="F67" s="604">
        <v>24590856.600000001</v>
      </c>
      <c r="G67" s="484">
        <v>2.6010818683490009</v>
      </c>
      <c r="H67" s="599">
        <v>0</v>
      </c>
    </row>
    <row r="68" spans="1:8" x14ac:dyDescent="0.2">
      <c r="A68" s="289" t="s">
        <v>378</v>
      </c>
      <c r="B68" s="547">
        <v>0</v>
      </c>
      <c r="C68" s="547">
        <v>0</v>
      </c>
      <c r="D68" s="547">
        <v>0</v>
      </c>
      <c r="E68" s="577">
        <v>0</v>
      </c>
      <c r="F68" s="605">
        <v>0</v>
      </c>
      <c r="G68" s="482">
        <v>0</v>
      </c>
      <c r="H68" s="603">
        <v>0</v>
      </c>
    </row>
    <row r="69" spans="1:8" ht="32.25" x14ac:dyDescent="0.2">
      <c r="A69" s="5" t="s">
        <v>785</v>
      </c>
      <c r="B69" s="482">
        <v>0</v>
      </c>
      <c r="C69" s="482">
        <v>0</v>
      </c>
      <c r="D69" s="547">
        <v>0</v>
      </c>
      <c r="E69" s="577">
        <v>0</v>
      </c>
      <c r="F69" s="482">
        <v>0</v>
      </c>
      <c r="G69" s="482">
        <v>0</v>
      </c>
      <c r="H69" s="603">
        <v>0</v>
      </c>
    </row>
    <row r="70" spans="1:8" ht="21.75" x14ac:dyDescent="0.2">
      <c r="A70" s="289" t="s">
        <v>786</v>
      </c>
      <c r="B70" s="547">
        <v>0</v>
      </c>
      <c r="C70" s="547">
        <v>0</v>
      </c>
      <c r="D70" s="547">
        <v>0</v>
      </c>
      <c r="E70" s="577">
        <v>0</v>
      </c>
      <c r="F70" s="605">
        <v>0</v>
      </c>
      <c r="G70" s="482">
        <v>0</v>
      </c>
      <c r="H70" s="603">
        <v>0</v>
      </c>
    </row>
    <row r="71" spans="1:8" ht="35.1" customHeight="1" x14ac:dyDescent="0.2">
      <c r="A71" s="13" t="s">
        <v>787</v>
      </c>
      <c r="B71" s="547">
        <v>0</v>
      </c>
      <c r="C71" s="547">
        <v>0</v>
      </c>
      <c r="D71" s="547">
        <v>0</v>
      </c>
      <c r="E71" s="577">
        <v>0</v>
      </c>
      <c r="F71" s="605">
        <v>0</v>
      </c>
      <c r="G71" s="482">
        <v>0</v>
      </c>
      <c r="H71" s="606">
        <v>0</v>
      </c>
    </row>
    <row r="72" spans="1:8" s="228" customFormat="1" ht="16.5" customHeight="1" x14ac:dyDescent="0.2">
      <c r="A72" s="282" t="s">
        <v>447</v>
      </c>
      <c r="B72" s="588">
        <v>291806500</v>
      </c>
      <c r="C72" s="583">
        <v>292396500</v>
      </c>
      <c r="D72" s="588">
        <v>142981799.34</v>
      </c>
      <c r="E72" s="581">
        <v>10.864518416247783</v>
      </c>
      <c r="F72" s="588">
        <v>82717850.960000008</v>
      </c>
      <c r="G72" s="588">
        <v>8.7494269036911465</v>
      </c>
      <c r="H72" s="588">
        <v>0</v>
      </c>
    </row>
    <row r="73" spans="1:8" s="18" customFormat="1" x14ac:dyDescent="0.2">
      <c r="A73" s="97"/>
      <c r="B73" s="97"/>
      <c r="C73" s="97"/>
      <c r="D73" s="97"/>
      <c r="E73" s="363"/>
      <c r="F73" s="270"/>
      <c r="G73" s="359"/>
      <c r="H73" s="270"/>
    </row>
    <row r="74" spans="1:8" s="228" customFormat="1" ht="24.95" customHeight="1" x14ac:dyDescent="0.2">
      <c r="A74" s="290" t="s">
        <v>448</v>
      </c>
      <c r="B74" s="586">
        <v>1026495000</v>
      </c>
      <c r="C74" s="586">
        <v>1620301725.48</v>
      </c>
      <c r="D74" s="586">
        <v>1173061801.1400001</v>
      </c>
      <c r="E74" s="587">
        <v>89.135481583752224</v>
      </c>
      <c r="F74" s="588">
        <v>862690938.32999992</v>
      </c>
      <c r="G74" s="589">
        <v>91.250573096308855</v>
      </c>
      <c r="H74" s="590">
        <v>0</v>
      </c>
    </row>
    <row r="75" spans="1:8" x14ac:dyDescent="0.2">
      <c r="A75" s="99"/>
      <c r="B75" s="80"/>
      <c r="C75" s="261"/>
      <c r="D75" s="83"/>
      <c r="E75" s="83"/>
      <c r="G75" s="90"/>
      <c r="H75" s="270"/>
    </row>
    <row r="76" spans="1:8" ht="24.75" customHeight="1" x14ac:dyDescent="0.2">
      <c r="A76" s="857" t="s">
        <v>622</v>
      </c>
      <c r="B76" s="857"/>
      <c r="C76" s="857"/>
      <c r="D76" s="858"/>
      <c r="E76" s="850">
        <v>16.674516488209694</v>
      </c>
      <c r="F76" s="851"/>
      <c r="G76" s="851"/>
      <c r="H76" s="851"/>
    </row>
    <row r="77" spans="1:8" ht="12.75" customHeight="1" x14ac:dyDescent="0.2">
      <c r="A77" s="6"/>
      <c r="B77" s="6"/>
      <c r="C77" s="6"/>
      <c r="D77" s="6"/>
      <c r="E77" s="100"/>
      <c r="F77" s="101"/>
      <c r="G77" s="101"/>
      <c r="H77" s="270"/>
    </row>
    <row r="78" spans="1:8" ht="25.5" customHeight="1" x14ac:dyDescent="0.2">
      <c r="A78" s="857" t="s">
        <v>623</v>
      </c>
      <c r="B78" s="857"/>
      <c r="C78" s="857"/>
      <c r="D78" s="858"/>
      <c r="E78" s="850">
        <v>241845874.10999978</v>
      </c>
      <c r="F78" s="851"/>
      <c r="G78" s="851"/>
      <c r="H78" s="851"/>
    </row>
    <row r="79" spans="1:8" x14ac:dyDescent="0.2">
      <c r="A79" s="7"/>
      <c r="B79" s="7"/>
      <c r="C79" s="7"/>
      <c r="D79" s="7"/>
      <c r="E79" s="87"/>
      <c r="F79" s="98"/>
      <c r="G79" s="98"/>
    </row>
    <row r="80" spans="1:8" ht="13.5" customHeight="1" x14ac:dyDescent="0.2">
      <c r="A80" s="945" t="s">
        <v>449</v>
      </c>
      <c r="B80" s="918"/>
      <c r="C80" s="875" t="s">
        <v>532</v>
      </c>
      <c r="D80" s="875" t="s">
        <v>788</v>
      </c>
      <c r="E80" s="875" t="s">
        <v>379</v>
      </c>
      <c r="F80" s="875" t="s">
        <v>380</v>
      </c>
      <c r="G80" s="944" t="s">
        <v>533</v>
      </c>
      <c r="H80" s="945"/>
    </row>
    <row r="81" spans="1:8" ht="21" customHeight="1" x14ac:dyDescent="0.2">
      <c r="A81" s="949"/>
      <c r="B81" s="922"/>
      <c r="C81" s="877"/>
      <c r="D81" s="877"/>
      <c r="E81" s="877"/>
      <c r="F81" s="877"/>
      <c r="G81" s="948"/>
      <c r="H81" s="949"/>
    </row>
    <row r="82" spans="1:8" ht="15" customHeight="1" x14ac:dyDescent="0.2">
      <c r="A82" s="628" t="s">
        <v>873</v>
      </c>
      <c r="B82" s="629"/>
      <c r="C82" s="585">
        <v>75998288.00999999</v>
      </c>
      <c r="D82" s="626">
        <v>3691443.27</v>
      </c>
      <c r="E82" s="585">
        <v>67388820.609999999</v>
      </c>
      <c r="F82" s="626">
        <v>4918024.1299999952</v>
      </c>
      <c r="G82" s="988">
        <v>0</v>
      </c>
      <c r="H82" s="989"/>
    </row>
    <row r="83" spans="1:8" ht="15" customHeight="1" x14ac:dyDescent="0.2">
      <c r="A83" s="14" t="s">
        <v>889</v>
      </c>
      <c r="B83" s="107"/>
      <c r="C83" s="580">
        <v>1566501.98</v>
      </c>
      <c r="D83" s="627">
        <v>0</v>
      </c>
      <c r="E83" s="580">
        <v>624016.49</v>
      </c>
      <c r="F83" s="627">
        <v>942485.49</v>
      </c>
      <c r="G83" s="682"/>
      <c r="H83" s="683">
        <v>148002.06999999983</v>
      </c>
    </row>
    <row r="84" spans="1:8" ht="12.75" customHeight="1" x14ac:dyDescent="0.2">
      <c r="A84" s="14" t="s">
        <v>789</v>
      </c>
      <c r="B84" s="107"/>
      <c r="C84" s="580">
        <v>826671.31</v>
      </c>
      <c r="D84" s="627">
        <v>0</v>
      </c>
      <c r="E84" s="580">
        <v>0</v>
      </c>
      <c r="F84" s="627">
        <v>826671.31</v>
      </c>
      <c r="G84" s="910">
        <v>0</v>
      </c>
      <c r="H84" s="931"/>
    </row>
    <row r="85" spans="1:8" ht="15" customHeight="1" x14ac:dyDescent="0.2">
      <c r="A85" s="282" t="s">
        <v>381</v>
      </c>
      <c r="B85" s="276"/>
      <c r="C85" s="581">
        <v>78391461.299999997</v>
      </c>
      <c r="D85" s="581">
        <v>3691443.27</v>
      </c>
      <c r="E85" s="581">
        <v>68012837.099999994</v>
      </c>
      <c r="F85" s="581">
        <v>6687180.929999996</v>
      </c>
      <c r="G85" s="882">
        <v>148002.06999999983</v>
      </c>
      <c r="H85" s="930"/>
    </row>
    <row r="86" spans="1:8" ht="12.75" customHeight="1" x14ac:dyDescent="0.2">
      <c r="A86" s="84"/>
      <c r="B86" s="270"/>
      <c r="C86" s="94"/>
      <c r="D86" s="270"/>
      <c r="E86" s="270"/>
      <c r="F86" s="90"/>
      <c r="G86" s="90"/>
      <c r="H86" s="90"/>
    </row>
    <row r="87" spans="1:8" ht="12.75" customHeight="1" x14ac:dyDescent="0.2">
      <c r="A87" s="947" t="s">
        <v>382</v>
      </c>
      <c r="B87" s="919"/>
      <c r="C87" s="946" t="s">
        <v>437</v>
      </c>
      <c r="D87" s="947"/>
      <c r="E87" s="947"/>
      <c r="F87" s="947"/>
      <c r="G87" s="947"/>
      <c r="H87" s="947"/>
    </row>
    <row r="88" spans="1:8" ht="15.75" customHeight="1" x14ac:dyDescent="0.2">
      <c r="A88" s="947"/>
      <c r="B88" s="919"/>
      <c r="C88" s="948"/>
      <c r="D88" s="949"/>
      <c r="E88" s="949"/>
      <c r="F88" s="949"/>
      <c r="G88" s="949"/>
      <c r="H88" s="949"/>
    </row>
    <row r="89" spans="1:8" ht="14.25" customHeight="1" x14ac:dyDescent="0.2">
      <c r="A89" s="947"/>
      <c r="B89" s="919"/>
      <c r="C89" s="875" t="s">
        <v>383</v>
      </c>
      <c r="D89" s="946" t="s">
        <v>384</v>
      </c>
      <c r="E89" s="947"/>
      <c r="F89" s="944" t="s">
        <v>878</v>
      </c>
      <c r="G89" s="945"/>
      <c r="H89" s="945"/>
    </row>
    <row r="90" spans="1:8" ht="11.25" customHeight="1" x14ac:dyDescent="0.2">
      <c r="A90" s="947"/>
      <c r="B90" s="919"/>
      <c r="C90" s="876"/>
      <c r="D90" s="946"/>
      <c r="E90" s="947"/>
      <c r="F90" s="946"/>
      <c r="G90" s="947"/>
      <c r="H90" s="947"/>
    </row>
    <row r="91" spans="1:8" ht="12.75" customHeight="1" x14ac:dyDescent="0.2">
      <c r="A91" s="949"/>
      <c r="B91" s="922"/>
      <c r="C91" s="877"/>
      <c r="D91" s="948" t="s">
        <v>349</v>
      </c>
      <c r="E91" s="949"/>
      <c r="F91" s="984" t="s">
        <v>879</v>
      </c>
      <c r="G91" s="985"/>
      <c r="H91" s="985"/>
    </row>
    <row r="92" spans="1:8" ht="13.5" customHeight="1" x14ac:dyDescent="0.2">
      <c r="A92" s="252" t="s">
        <v>791</v>
      </c>
      <c r="B92" s="8"/>
      <c r="C92" s="9"/>
      <c r="D92" s="1002"/>
      <c r="E92" s="1003"/>
      <c r="F92" s="1010"/>
      <c r="G92" s="979"/>
      <c r="H92" s="979"/>
    </row>
    <row r="93" spans="1:8" ht="13.5" customHeight="1" x14ac:dyDescent="0.2">
      <c r="A93" s="253" t="s">
        <v>790</v>
      </c>
      <c r="B93" s="11"/>
      <c r="C93" s="12"/>
      <c r="D93" s="1004"/>
      <c r="E93" s="1005"/>
      <c r="F93" s="1011"/>
      <c r="G93" s="981"/>
      <c r="H93" s="981"/>
    </row>
    <row r="94" spans="1:8" x14ac:dyDescent="0.2">
      <c r="A94" s="10"/>
      <c r="B94" s="11"/>
      <c r="C94" s="12"/>
      <c r="D94" s="1006"/>
      <c r="E94" s="1007"/>
      <c r="F94" s="1012"/>
      <c r="G94" s="983"/>
      <c r="H94" s="983"/>
    </row>
    <row r="95" spans="1:8" ht="15" customHeight="1" x14ac:dyDescent="0.2">
      <c r="A95" s="924" t="s">
        <v>386</v>
      </c>
      <c r="B95" s="993"/>
      <c r="C95" s="291"/>
      <c r="D95" s="895"/>
      <c r="E95" s="954"/>
      <c r="F95" s="895"/>
      <c r="G95" s="896"/>
      <c r="H95" s="896"/>
    </row>
    <row r="96" spans="1:8" ht="12.75" customHeight="1" x14ac:dyDescent="0.2">
      <c r="A96" s="83"/>
      <c r="B96" s="83"/>
      <c r="C96" s="83"/>
      <c r="D96" s="83"/>
      <c r="E96" s="83"/>
      <c r="F96" s="98"/>
    </row>
    <row r="97" spans="1:8" ht="12.75" customHeight="1" x14ac:dyDescent="0.2">
      <c r="A97" s="945" t="s">
        <v>450</v>
      </c>
      <c r="B97" s="918"/>
      <c r="C97" s="944" t="s">
        <v>385</v>
      </c>
      <c r="D97" s="945"/>
      <c r="E97" s="945"/>
      <c r="F97" s="945"/>
      <c r="G97" s="945"/>
      <c r="H97" s="945"/>
    </row>
    <row r="98" spans="1:8" ht="15.75" customHeight="1" x14ac:dyDescent="0.2">
      <c r="A98" s="947"/>
      <c r="B98" s="919"/>
      <c r="C98" s="948"/>
      <c r="D98" s="949"/>
      <c r="E98" s="949"/>
      <c r="F98" s="949"/>
      <c r="G98" s="949"/>
      <c r="H98" s="949"/>
    </row>
    <row r="99" spans="1:8" ht="15" customHeight="1" x14ac:dyDescent="0.2">
      <c r="A99" s="947"/>
      <c r="B99" s="919"/>
      <c r="C99" s="875" t="s">
        <v>383</v>
      </c>
      <c r="D99" s="946" t="s">
        <v>384</v>
      </c>
      <c r="E99" s="947"/>
      <c r="F99" s="944" t="s">
        <v>878</v>
      </c>
      <c r="G99" s="945"/>
      <c r="H99" s="945"/>
    </row>
    <row r="100" spans="1:8" x14ac:dyDescent="0.2">
      <c r="A100" s="947"/>
      <c r="B100" s="919"/>
      <c r="C100" s="876"/>
      <c r="D100" s="946"/>
      <c r="E100" s="947"/>
      <c r="F100" s="946"/>
      <c r="G100" s="947"/>
      <c r="H100" s="947"/>
    </row>
    <row r="101" spans="1:8" ht="15" customHeight="1" x14ac:dyDescent="0.2">
      <c r="A101" s="949"/>
      <c r="B101" s="922"/>
      <c r="C101" s="877"/>
      <c r="D101" s="948" t="s">
        <v>350</v>
      </c>
      <c r="E101" s="949"/>
      <c r="F101" s="984" t="s">
        <v>879</v>
      </c>
      <c r="G101" s="985"/>
      <c r="H101" s="985"/>
    </row>
    <row r="102" spans="1:8" x14ac:dyDescent="0.2">
      <c r="A102" s="680" t="s">
        <v>888</v>
      </c>
      <c r="B102" s="685"/>
      <c r="C102" s="692">
        <v>0</v>
      </c>
      <c r="D102" s="997"/>
      <c r="E102" s="998"/>
      <c r="F102" s="978">
        <v>0</v>
      </c>
      <c r="G102" s="979"/>
      <c r="H102" s="979"/>
    </row>
    <row r="103" spans="1:8" x14ac:dyDescent="0.2">
      <c r="A103" s="681" t="s">
        <v>793</v>
      </c>
      <c r="B103" s="686"/>
      <c r="C103" s="693">
        <v>0</v>
      </c>
      <c r="D103" s="999"/>
      <c r="E103" s="1000"/>
      <c r="F103" s="980">
        <v>0</v>
      </c>
      <c r="G103" s="981"/>
      <c r="H103" s="981"/>
    </row>
    <row r="104" spans="1:8" x14ac:dyDescent="0.2">
      <c r="A104" s="10" t="s">
        <v>792</v>
      </c>
      <c r="B104" s="11"/>
      <c r="C104" s="694">
        <v>0</v>
      </c>
      <c r="D104" s="976"/>
      <c r="E104" s="977"/>
      <c r="F104" s="982">
        <v>0</v>
      </c>
      <c r="G104" s="983"/>
      <c r="H104" s="983"/>
    </row>
    <row r="105" spans="1:8" ht="15" customHeight="1" x14ac:dyDescent="0.2">
      <c r="A105" s="995" t="s">
        <v>451</v>
      </c>
      <c r="B105" s="995"/>
      <c r="C105" s="695">
        <v>0</v>
      </c>
      <c r="D105" s="986"/>
      <c r="E105" s="987"/>
      <c r="F105" s="996">
        <v>0</v>
      </c>
      <c r="G105" s="896"/>
      <c r="H105" s="896"/>
    </row>
    <row r="106" spans="1:8" x14ac:dyDescent="0.2">
      <c r="A106" s="270"/>
      <c r="B106" s="270"/>
      <c r="C106" s="270"/>
      <c r="D106" s="270"/>
      <c r="E106" s="270"/>
      <c r="F106" s="90"/>
      <c r="G106" s="90"/>
      <c r="H106" s="90"/>
    </row>
    <row r="107" spans="1:8" ht="15" customHeight="1" x14ac:dyDescent="0.2">
      <c r="A107" s="894" t="s">
        <v>237</v>
      </c>
      <c r="B107" s="875" t="s">
        <v>784</v>
      </c>
      <c r="C107" s="875" t="s">
        <v>236</v>
      </c>
      <c r="D107" s="895" t="s">
        <v>158</v>
      </c>
      <c r="E107" s="896"/>
      <c r="F107" s="895" t="s">
        <v>159</v>
      </c>
      <c r="G107" s="896"/>
      <c r="H107" s="944" t="s">
        <v>619</v>
      </c>
    </row>
    <row r="108" spans="1:8" ht="21.75" customHeight="1" x14ac:dyDescent="0.2">
      <c r="A108" s="878"/>
      <c r="B108" s="876"/>
      <c r="C108" s="876"/>
      <c r="D108" s="78" t="s">
        <v>115</v>
      </c>
      <c r="E108" s="256" t="s">
        <v>114</v>
      </c>
      <c r="F108" s="78" t="s">
        <v>115</v>
      </c>
      <c r="G108" s="256" t="s">
        <v>114</v>
      </c>
      <c r="H108" s="946"/>
    </row>
    <row r="109" spans="1:8" ht="21.75" customHeight="1" x14ac:dyDescent="0.2">
      <c r="A109" s="651" t="s">
        <v>244</v>
      </c>
      <c r="B109" s="877"/>
      <c r="C109" s="877"/>
      <c r="D109" s="649" t="s">
        <v>387</v>
      </c>
      <c r="E109" s="650" t="s">
        <v>388</v>
      </c>
      <c r="F109" s="649" t="s">
        <v>389</v>
      </c>
      <c r="G109" s="650" t="s">
        <v>390</v>
      </c>
      <c r="H109" s="948"/>
    </row>
    <row r="110" spans="1:8" x14ac:dyDescent="0.2">
      <c r="A110" s="83" t="s">
        <v>245</v>
      </c>
      <c r="B110" s="324">
        <v>54532000</v>
      </c>
      <c r="C110" s="324">
        <v>71307000</v>
      </c>
      <c r="D110" s="326">
        <v>51091630.170000002</v>
      </c>
      <c r="E110" s="357">
        <v>3.8822140962020844</v>
      </c>
      <c r="F110" s="326">
        <v>28075283.77</v>
      </c>
      <c r="G110" s="357">
        <v>2.9696448867462379</v>
      </c>
      <c r="H110" s="91"/>
    </row>
    <row r="111" spans="1:8" x14ac:dyDescent="0.2">
      <c r="A111" s="83" t="s">
        <v>246</v>
      </c>
      <c r="B111" s="324">
        <v>785416800</v>
      </c>
      <c r="C111" s="324">
        <v>933813500</v>
      </c>
      <c r="D111" s="326">
        <v>551733444.16999996</v>
      </c>
      <c r="E111" s="354">
        <v>41.923644776568679</v>
      </c>
      <c r="F111" s="357">
        <v>326315041.42000002</v>
      </c>
      <c r="G111" s="353">
        <v>34.515761342250897</v>
      </c>
      <c r="H111" s="92"/>
    </row>
    <row r="112" spans="1:8" x14ac:dyDescent="0.2">
      <c r="A112" s="83" t="s">
        <v>247</v>
      </c>
      <c r="B112" s="324">
        <v>100252000</v>
      </c>
      <c r="C112" s="324">
        <v>92365400</v>
      </c>
      <c r="D112" s="326">
        <v>48305680.700000003</v>
      </c>
      <c r="E112" s="354">
        <v>3.6705228217652888</v>
      </c>
      <c r="F112" s="357">
        <v>32869734.850000001</v>
      </c>
      <c r="G112" s="353">
        <v>3.4767748324706291</v>
      </c>
      <c r="H112" s="92"/>
    </row>
    <row r="113" spans="1:8" x14ac:dyDescent="0.2">
      <c r="A113" s="83" t="s">
        <v>248</v>
      </c>
      <c r="B113" s="324">
        <v>975100</v>
      </c>
      <c r="C113" s="324">
        <v>1725100</v>
      </c>
      <c r="D113" s="326">
        <v>815837.14</v>
      </c>
      <c r="E113" s="354">
        <v>6.1991649798110032E-2</v>
      </c>
      <c r="F113" s="357">
        <v>406767.79</v>
      </c>
      <c r="G113" s="353">
        <v>4.3025598514424827E-2</v>
      </c>
      <c r="H113" s="92"/>
    </row>
    <row r="114" spans="1:8" x14ac:dyDescent="0.2">
      <c r="A114" s="83" t="s">
        <v>249</v>
      </c>
      <c r="B114" s="324">
        <v>14751600</v>
      </c>
      <c r="C114" s="324">
        <v>15898600</v>
      </c>
      <c r="D114" s="326">
        <v>7664173.4400000004</v>
      </c>
      <c r="E114" s="354">
        <v>0.58236470563776532</v>
      </c>
      <c r="F114" s="357">
        <v>5063646.82</v>
      </c>
      <c r="G114" s="353">
        <v>0.53560395009684525</v>
      </c>
      <c r="H114" s="92"/>
    </row>
    <row r="115" spans="1:8" x14ac:dyDescent="0.2">
      <c r="A115" s="83" t="s">
        <v>250</v>
      </c>
      <c r="B115" s="324">
        <v>19989000</v>
      </c>
      <c r="C115" s="324">
        <v>20050000</v>
      </c>
      <c r="D115" s="326">
        <v>16467332.810000001</v>
      </c>
      <c r="E115" s="354">
        <v>1.2512756267340897</v>
      </c>
      <c r="F115" s="357">
        <v>14294128.65</v>
      </c>
      <c r="G115" s="353">
        <v>1.5119521641780864</v>
      </c>
      <c r="H115" s="92"/>
    </row>
    <row r="116" spans="1:8" ht="13.5" customHeight="1" x14ac:dyDescent="0.2">
      <c r="A116" s="88" t="s">
        <v>232</v>
      </c>
      <c r="B116" s="361">
        <v>342385000</v>
      </c>
      <c r="C116" s="361">
        <v>777538625.48000002</v>
      </c>
      <c r="D116" s="326">
        <v>639965502.05000019</v>
      </c>
      <c r="E116" s="354">
        <v>48.627986323293989</v>
      </c>
      <c r="F116" s="357">
        <v>538384185.99000001</v>
      </c>
      <c r="G116" s="353">
        <v>56.947237225742889</v>
      </c>
      <c r="H116" s="93"/>
    </row>
    <row r="117" spans="1:8" ht="15" customHeight="1" x14ac:dyDescent="0.2">
      <c r="A117" s="237" t="s">
        <v>170</v>
      </c>
      <c r="B117" s="325">
        <v>1318301500</v>
      </c>
      <c r="C117" s="325">
        <v>1912698225.48</v>
      </c>
      <c r="D117" s="327">
        <v>1316043600.48</v>
      </c>
      <c r="E117" s="356">
        <v>100</v>
      </c>
      <c r="F117" s="362">
        <v>945408789.28999996</v>
      </c>
      <c r="G117" s="355">
        <v>100</v>
      </c>
      <c r="H117" s="328">
        <v>0</v>
      </c>
    </row>
    <row r="118" spans="1:8" ht="10.5" customHeight="1" x14ac:dyDescent="0.2">
      <c r="A118" s="182" t="s">
        <v>848</v>
      </c>
      <c r="B118" s="329"/>
      <c r="C118" s="679"/>
      <c r="D118" s="679"/>
      <c r="E118" s="679"/>
      <c r="F118" s="679"/>
      <c r="G118" s="670"/>
      <c r="H118" s="298"/>
    </row>
    <row r="119" spans="1:8" ht="11.25" x14ac:dyDescent="0.2">
      <c r="A119" s="83" t="s">
        <v>0</v>
      </c>
      <c r="B119" s="103"/>
      <c r="C119" s="103"/>
      <c r="D119" s="83"/>
      <c r="E119" s="359"/>
      <c r="F119" s="98"/>
      <c r="G119" s="98"/>
    </row>
    <row r="120" spans="1:8" ht="11.25" x14ac:dyDescent="0.2">
      <c r="A120" s="83" t="s">
        <v>624</v>
      </c>
      <c r="B120" s="103"/>
      <c r="C120" s="103"/>
      <c r="D120" s="83"/>
      <c r="E120" s="359"/>
      <c r="F120" s="98"/>
      <c r="G120" s="98"/>
    </row>
    <row r="121" spans="1:8" ht="11.25" x14ac:dyDescent="0.2">
      <c r="A121" s="83" t="s">
        <v>625</v>
      </c>
      <c r="B121" s="103"/>
      <c r="C121" s="103"/>
      <c r="D121" s="83"/>
      <c r="E121" s="83"/>
      <c r="F121" s="98"/>
      <c r="G121" s="98"/>
    </row>
    <row r="122" spans="1:8" ht="11.25" x14ac:dyDescent="0.2">
      <c r="A122" s="18" t="s">
        <v>626</v>
      </c>
      <c r="B122" s="104"/>
      <c r="C122" s="104"/>
      <c r="D122" s="83"/>
      <c r="E122" s="83"/>
      <c r="F122" s="98"/>
      <c r="G122" s="98"/>
    </row>
    <row r="123" spans="1:8" ht="11.25" x14ac:dyDescent="0.2">
      <c r="A123" s="18" t="s">
        <v>627</v>
      </c>
    </row>
    <row r="124" spans="1:8" ht="11.25" x14ac:dyDescent="0.2">
      <c r="A124" s="105" t="s">
        <v>628</v>
      </c>
    </row>
    <row r="125" spans="1:8" x14ac:dyDescent="0.2">
      <c r="A125" s="955" t="s">
        <v>629</v>
      </c>
      <c r="B125" s="955"/>
      <c r="C125" s="955"/>
    </row>
    <row r="126" spans="1:8" x14ac:dyDescent="0.2">
      <c r="B126" s="329"/>
      <c r="C126" s="329"/>
      <c r="D126" s="329"/>
      <c r="E126" s="329"/>
    </row>
    <row r="127" spans="1:8" x14ac:dyDescent="0.2">
      <c r="B127" s="679"/>
      <c r="C127" s="679"/>
      <c r="D127" s="679"/>
      <c r="E127" s="679"/>
      <c r="F127" s="679"/>
    </row>
    <row r="129" s="45" customFormat="1" ht="11.25" customHeight="1" x14ac:dyDescent="0.2"/>
    <row r="130" s="45" customFormat="1" ht="11.25" customHeight="1" x14ac:dyDescent="0.2"/>
    <row r="131" s="45" customFormat="1" ht="11.25" customHeight="1" x14ac:dyDescent="0.2"/>
    <row r="132" s="45" customFormat="1" ht="11.25" customHeight="1" x14ac:dyDescent="0.2"/>
    <row r="133" s="45" customFormat="1" ht="11.25" customHeight="1" x14ac:dyDescent="0.2"/>
    <row r="134" s="45" customFormat="1" ht="11.25" customHeight="1" x14ac:dyDescent="0.2"/>
    <row r="135" s="45" customFormat="1" ht="11.25" customHeight="1" x14ac:dyDescent="0.2"/>
  </sheetData>
  <customSheetViews>
    <customSheetView guid="{C779D862-DE28-46CD-A428-4AAA1056D1E1}" showPageBreaks="1" showGridLines="0" printArea="1">
      <selection activeCell="A7" sqref="A7:E7"/>
      <pageMargins left="0.19685039370078741" right="0.19685039370078741" top="0.98425196850393704" bottom="0.78740157480314965" header="0" footer="0"/>
      <printOptions horizontalCentered="1"/>
      <pageSetup paperSize="9" scale="50" fitToHeight="2" orientation="portrait" r:id="rId1"/>
    </customSheetView>
    <customSheetView guid="{3AAF6A5F-F9AA-430B-9AD9-1261ECDF41B5}" showPageBreaks="1" showGridLines="0" printArea="1" topLeftCell="A76">
      <selection activeCell="A97" sqref="A97:B101"/>
      <rowBreaks count="1" manualBreakCount="1">
        <brk id="105" max="7" man="1"/>
      </rowBreaks>
      <pageMargins left="0.19685039370078741" right="0.19685039370078741" top="0.78740157480314965" bottom="0.39370078740157483" header="0" footer="0"/>
      <printOptions horizontalCentered="1"/>
      <pageSetup paperSize="9" scale="52" fitToHeight="2" orientation="portrait" r:id="rId2"/>
    </customSheetView>
    <customSheetView guid="{25EF1E0D-169B-4051-B414-7E1196FC05E4}" showPageBreaks="1" showGridLines="0" printArea="1">
      <selection activeCell="D93" sqref="D93:E93"/>
      <pageMargins left="0.19685039370078741" right="0.19685039370078741" top="0.98425196850393704" bottom="0.78740157480314965" header="0" footer="0"/>
      <printOptions horizontalCentered="1"/>
      <pageSetup paperSize="9" scale="50" fitToHeight="2" orientation="portrait" r:id="rId3"/>
    </customSheetView>
    <customSheetView guid="{82EDB5A4-4824-4632-A540-7A52C92F04C7}" scale="90" showPageBreaks="1" showGridLines="0" printArea="1" topLeftCell="A110">
      <selection activeCell="I129" sqref="I129"/>
      <pageMargins left="0.19685039370078741" right="0.19685039370078741" top="0.98425196850393704" bottom="0.78740157480314965" header="0" footer="0"/>
      <printOptions horizontalCentered="1"/>
      <pageSetup paperSize="9" scale="50" fitToHeight="2" orientation="portrait" r:id="rId4"/>
    </customSheetView>
    <customSheetView guid="{15F968AB-9DD6-4E60-9FDC-FEF44C5FFDCB}" showPageBreaks="1" showGridLines="0" fitToPage="1" printArea="1">
      <selection activeCell="F52" sqref="F52"/>
      <pageMargins left="0.19685039370078741" right="0.19685039370078741" top="0.78740157480314965" bottom="0.98425196850393704" header="0" footer="0"/>
      <pageSetup paperSize="9" scale="53" fitToHeight="2" orientation="portrait" r:id="rId5"/>
    </customSheetView>
    <customSheetView guid="{D5976633-8ECB-4B00-B200-C7467CF5B10F}" showGridLines="0" topLeftCell="A109">
      <selection activeCell="A128" sqref="A128"/>
      <pageMargins left="0.511811024" right="0.511811024" top="0.78740157499999996" bottom="0.78740157499999996" header="0.31496062000000002" footer="0.31496062000000002"/>
      <pageSetup paperSize="9" orientation="portrait" horizontalDpi="4294967295" verticalDpi="4294967295" r:id="rId6"/>
    </customSheetView>
    <customSheetView guid="{B4FED47C-EE37-4843-A570-282D4F8229D4}" showGridLines="0" fitToPage="1">
      <selection activeCell="A8" sqref="A8"/>
      <pageMargins left="0.19685039370078741" right="0.19685039370078741" top="0.78740157480314965" bottom="0.39370078740157483" header="0" footer="0"/>
      <printOptions horizontalCentered="1"/>
      <pageSetup paperSize="9" scale="52" fitToHeight="2" orientation="portrait" r:id="rId7"/>
    </customSheetView>
    <customSheetView guid="{6DBFA32C-4AA4-4E1D-9A48-697377C64CC3}" showPageBreaks="1" showGridLines="0" fitToPage="1" printArea="1" topLeftCell="A70">
      <selection activeCell="E83" sqref="E83"/>
      <pageMargins left="0.19685039370078741" right="0.19685039370078741" top="0.78740157480314965" bottom="0.39370078740157483" header="0" footer="0"/>
      <printOptions horizontalCentered="1"/>
      <pageSetup paperSize="9" scale="54" fitToHeight="2" orientation="portrait" r:id="rId8"/>
    </customSheetView>
    <customSheetView guid="{09DEEE52-8A8D-4F12-80E3-55185B30DF10}" showGridLines="0" topLeftCell="B73">
      <selection activeCell="H83" sqref="H83"/>
      <pageMargins left="0.19685039370078741" right="0.19685039370078741" top="0.98425196850393704" bottom="0.78740157480314965" header="0" footer="0"/>
      <printOptions horizontalCentered="1"/>
      <pageSetup paperSize="9" scale="50" fitToHeight="2" orientation="portrait" r:id="rId9"/>
    </customSheetView>
  </customSheetViews>
  <mergeCells count="170">
    <mergeCell ref="A3:H3"/>
    <mergeCell ref="A10:A12"/>
    <mergeCell ref="B10:B12"/>
    <mergeCell ref="C12:D12"/>
    <mergeCell ref="A4:H4"/>
    <mergeCell ref="A5:H5"/>
    <mergeCell ref="F92:H92"/>
    <mergeCell ref="F93:H93"/>
    <mergeCell ref="F94:H94"/>
    <mergeCell ref="C22:D22"/>
    <mergeCell ref="C23:D23"/>
    <mergeCell ref="C24:D24"/>
    <mergeCell ref="C25:D25"/>
    <mergeCell ref="D59:E59"/>
    <mergeCell ref="C44:D44"/>
    <mergeCell ref="E39:F39"/>
    <mergeCell ref="E40:F40"/>
    <mergeCell ref="E41:F41"/>
    <mergeCell ref="E42:F42"/>
    <mergeCell ref="E43:F43"/>
    <mergeCell ref="E44:F44"/>
    <mergeCell ref="G22:H22"/>
    <mergeCell ref="G23:H23"/>
    <mergeCell ref="G24:H24"/>
    <mergeCell ref="A6:H6"/>
    <mergeCell ref="A7:H7"/>
    <mergeCell ref="C10:D11"/>
    <mergeCell ref="D92:E92"/>
    <mergeCell ref="D93:E93"/>
    <mergeCell ref="D94:E94"/>
    <mergeCell ref="C35:D35"/>
    <mergeCell ref="G35:H35"/>
    <mergeCell ref="C33:D34"/>
    <mergeCell ref="B33:B35"/>
    <mergeCell ref="B46:B48"/>
    <mergeCell ref="B59:B61"/>
    <mergeCell ref="C13:D13"/>
    <mergeCell ref="C14:D14"/>
    <mergeCell ref="C15:D15"/>
    <mergeCell ref="C16:D16"/>
    <mergeCell ref="C17:D17"/>
    <mergeCell ref="C18:D18"/>
    <mergeCell ref="C19:D19"/>
    <mergeCell ref="C20:D20"/>
    <mergeCell ref="C21:D21"/>
    <mergeCell ref="E22:F22"/>
    <mergeCell ref="E23:F23"/>
    <mergeCell ref="E24:F24"/>
    <mergeCell ref="A107:A108"/>
    <mergeCell ref="D80:D81"/>
    <mergeCell ref="G80:H81"/>
    <mergeCell ref="A76:D76"/>
    <mergeCell ref="A78:D78"/>
    <mergeCell ref="C80:C81"/>
    <mergeCell ref="E80:E81"/>
    <mergeCell ref="F80:F81"/>
    <mergeCell ref="A80:B81"/>
    <mergeCell ref="A105:B105"/>
    <mergeCell ref="A97:B101"/>
    <mergeCell ref="B107:B109"/>
    <mergeCell ref="F105:H105"/>
    <mergeCell ref="C107:C109"/>
    <mergeCell ref="D95:E95"/>
    <mergeCell ref="C87:H88"/>
    <mergeCell ref="D107:E107"/>
    <mergeCell ref="C89:C91"/>
    <mergeCell ref="G84:H84"/>
    <mergeCell ref="F89:H90"/>
    <mergeCell ref="G85:H85"/>
    <mergeCell ref="D102:E102"/>
    <mergeCell ref="D103:E103"/>
    <mergeCell ref="F91:H91"/>
    <mergeCell ref="A125:C125"/>
    <mergeCell ref="E10:H10"/>
    <mergeCell ref="E11:F11"/>
    <mergeCell ref="G11:H11"/>
    <mergeCell ref="E12:F12"/>
    <mergeCell ref="C97:H98"/>
    <mergeCell ref="A87:B91"/>
    <mergeCell ref="D89:E90"/>
    <mergeCell ref="D91:E91"/>
    <mergeCell ref="G12:H12"/>
    <mergeCell ref="A33:A35"/>
    <mergeCell ref="E33:H33"/>
    <mergeCell ref="E34:F34"/>
    <mergeCell ref="G34:H34"/>
    <mergeCell ref="E35:F35"/>
    <mergeCell ref="A95:B95"/>
    <mergeCell ref="F95:H95"/>
    <mergeCell ref="C99:C101"/>
    <mergeCell ref="A46:A47"/>
    <mergeCell ref="D46:E46"/>
    <mergeCell ref="F46:G46"/>
    <mergeCell ref="H46:H48"/>
    <mergeCell ref="A58:B58"/>
    <mergeCell ref="A59:A61"/>
    <mergeCell ref="E26:F26"/>
    <mergeCell ref="E27:F27"/>
    <mergeCell ref="C26:D26"/>
    <mergeCell ref="C27:D27"/>
    <mergeCell ref="C28:D28"/>
    <mergeCell ref="E13:F13"/>
    <mergeCell ref="E14:F14"/>
    <mergeCell ref="E15:F15"/>
    <mergeCell ref="E16:F16"/>
    <mergeCell ref="E17:F17"/>
    <mergeCell ref="E18:F18"/>
    <mergeCell ref="E19:F19"/>
    <mergeCell ref="E20:F20"/>
    <mergeCell ref="E21:F21"/>
    <mergeCell ref="G13:H13"/>
    <mergeCell ref="G14:H14"/>
    <mergeCell ref="G15:H15"/>
    <mergeCell ref="G16:H16"/>
    <mergeCell ref="G17:H17"/>
    <mergeCell ref="G18:H18"/>
    <mergeCell ref="G19:H19"/>
    <mergeCell ref="G20:H20"/>
    <mergeCell ref="G21:H21"/>
    <mergeCell ref="G30:H30"/>
    <mergeCell ref="G31:H31"/>
    <mergeCell ref="C36:D36"/>
    <mergeCell ref="C37:D37"/>
    <mergeCell ref="C38:D38"/>
    <mergeCell ref="G36:H36"/>
    <mergeCell ref="G37:H37"/>
    <mergeCell ref="G38:H38"/>
    <mergeCell ref="G25:H25"/>
    <mergeCell ref="G26:H26"/>
    <mergeCell ref="G27:H27"/>
    <mergeCell ref="G28:H28"/>
    <mergeCell ref="G29:H29"/>
    <mergeCell ref="E28:F28"/>
    <mergeCell ref="E29:F29"/>
    <mergeCell ref="E30:F30"/>
    <mergeCell ref="E31:F31"/>
    <mergeCell ref="E36:F36"/>
    <mergeCell ref="E37:F37"/>
    <mergeCell ref="E38:F38"/>
    <mergeCell ref="C31:D31"/>
    <mergeCell ref="C29:D29"/>
    <mergeCell ref="C30:D30"/>
    <mergeCell ref="E25:F25"/>
    <mergeCell ref="C39:D39"/>
    <mergeCell ref="C40:D40"/>
    <mergeCell ref="C41:D41"/>
    <mergeCell ref="C42:D42"/>
    <mergeCell ref="C43:D43"/>
    <mergeCell ref="G44:H44"/>
    <mergeCell ref="E76:H76"/>
    <mergeCell ref="E78:H78"/>
    <mergeCell ref="G82:H82"/>
    <mergeCell ref="G39:H39"/>
    <mergeCell ref="G40:H40"/>
    <mergeCell ref="G41:H41"/>
    <mergeCell ref="G42:H42"/>
    <mergeCell ref="G43:H43"/>
    <mergeCell ref="F59:G59"/>
    <mergeCell ref="H59:H61"/>
    <mergeCell ref="D104:E104"/>
    <mergeCell ref="F102:H102"/>
    <mergeCell ref="F103:H103"/>
    <mergeCell ref="F104:H104"/>
    <mergeCell ref="F99:H100"/>
    <mergeCell ref="F101:H101"/>
    <mergeCell ref="F107:G107"/>
    <mergeCell ref="H107:H109"/>
    <mergeCell ref="D101:E101"/>
    <mergeCell ref="D105:E105"/>
    <mergeCell ref="D99:E100"/>
  </mergeCells>
  <printOptions horizontalCentered="1"/>
  <pageMargins left="0.19685039370078741" right="0.19685039370078741" top="0.98425196850393704" bottom="0.78740157480314965" header="0" footer="0"/>
  <pageSetup paperSize="9" scale="50" fitToHeight="2" orientation="portrait" r:id="rId10"/>
  <drawing r:id="rId1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58"/>
  <sheetViews>
    <sheetView showGridLines="0" zoomScaleNormal="100" workbookViewId="0"/>
  </sheetViews>
  <sheetFormatPr defaultRowHeight="11.25" customHeight="1" x14ac:dyDescent="0.2"/>
  <cols>
    <col min="1" max="1" width="48.85546875" style="268" customWidth="1"/>
    <col min="2" max="2" width="14.42578125" style="268" customWidth="1"/>
    <col min="3" max="3" width="19.140625" style="268" customWidth="1"/>
    <col min="4" max="12" width="6.7109375" style="268" customWidth="1"/>
    <col min="13" max="13" width="8" style="221" customWidth="1"/>
    <col min="14" max="245" width="9.140625" style="268"/>
    <col min="246" max="246" width="32" style="268" customWidth="1"/>
    <col min="247" max="247" width="9.140625" style="268"/>
    <col min="248" max="248" width="9.140625" style="268" customWidth="1"/>
    <col min="249" max="249" width="9.140625" style="268"/>
    <col min="250" max="250" width="9.140625" style="268" customWidth="1"/>
    <col min="251" max="251" width="7" style="268" customWidth="1"/>
    <col min="252" max="252" width="9.140625" style="268" customWidth="1"/>
    <col min="253" max="253" width="7.42578125" style="268" customWidth="1"/>
    <col min="254" max="254" width="9.140625" style="268" customWidth="1"/>
    <col min="255" max="255" width="7.42578125" style="268" customWidth="1"/>
    <col min="256" max="257" width="9.140625" style="268" customWidth="1"/>
    <col min="258" max="258" width="7.42578125" style="268" customWidth="1"/>
    <col min="259" max="259" width="9.140625" style="268" customWidth="1"/>
    <col min="260" max="260" width="7.85546875" style="268" customWidth="1"/>
    <col min="261" max="262" width="9.140625" style="268" customWidth="1"/>
    <col min="263" max="263" width="7.7109375" style="268" customWidth="1"/>
    <col min="264" max="264" width="9.140625" style="268" customWidth="1"/>
    <col min="265" max="265" width="7.5703125" style="268" customWidth="1"/>
    <col min="266" max="266" width="9.140625" style="268" customWidth="1"/>
    <col min="267" max="268" width="7.7109375" style="268" customWidth="1"/>
    <col min="269" max="269" width="8" style="268" customWidth="1"/>
    <col min="270" max="501" width="9.140625" style="268"/>
    <col min="502" max="502" width="32" style="268" customWidth="1"/>
    <col min="503" max="503" width="9.140625" style="268"/>
    <col min="504" max="504" width="9.140625" style="268" customWidth="1"/>
    <col min="505" max="505" width="9.140625" style="268"/>
    <col min="506" max="506" width="9.140625" style="268" customWidth="1"/>
    <col min="507" max="507" width="7" style="268" customWidth="1"/>
    <col min="508" max="508" width="9.140625" style="268" customWidth="1"/>
    <col min="509" max="509" width="7.42578125" style="268" customWidth="1"/>
    <col min="510" max="510" width="9.140625" style="268" customWidth="1"/>
    <col min="511" max="511" width="7.42578125" style="268" customWidth="1"/>
    <col min="512" max="513" width="9.140625" style="268" customWidth="1"/>
    <col min="514" max="514" width="7.42578125" style="268" customWidth="1"/>
    <col min="515" max="515" width="9.140625" style="268" customWidth="1"/>
    <col min="516" max="516" width="7.85546875" style="268" customWidth="1"/>
    <col min="517" max="518" width="9.140625" style="268" customWidth="1"/>
    <col min="519" max="519" width="7.7109375" style="268" customWidth="1"/>
    <col min="520" max="520" width="9.140625" style="268" customWidth="1"/>
    <col min="521" max="521" width="7.5703125" style="268" customWidth="1"/>
    <col min="522" max="522" width="9.140625" style="268" customWidth="1"/>
    <col min="523" max="524" width="7.7109375" style="268" customWidth="1"/>
    <col min="525" max="525" width="8" style="268" customWidth="1"/>
    <col min="526" max="757" width="9.140625" style="268"/>
    <col min="758" max="758" width="32" style="268" customWidth="1"/>
    <col min="759" max="759" width="9.140625" style="268"/>
    <col min="760" max="760" width="9.140625" style="268" customWidth="1"/>
    <col min="761" max="761" width="9.140625" style="268"/>
    <col min="762" max="762" width="9.140625" style="268" customWidth="1"/>
    <col min="763" max="763" width="7" style="268" customWidth="1"/>
    <col min="764" max="764" width="9.140625" style="268" customWidth="1"/>
    <col min="765" max="765" width="7.42578125" style="268" customWidth="1"/>
    <col min="766" max="766" width="9.140625" style="268" customWidth="1"/>
    <col min="767" max="767" width="7.42578125" style="268" customWidth="1"/>
    <col min="768" max="769" width="9.140625" style="268" customWidth="1"/>
    <col min="770" max="770" width="7.42578125" style="268" customWidth="1"/>
    <col min="771" max="771" width="9.140625" style="268" customWidth="1"/>
    <col min="772" max="772" width="7.85546875" style="268" customWidth="1"/>
    <col min="773" max="774" width="9.140625" style="268" customWidth="1"/>
    <col min="775" max="775" width="7.7109375" style="268" customWidth="1"/>
    <col min="776" max="776" width="9.140625" style="268" customWidth="1"/>
    <col min="777" max="777" width="7.5703125" style="268" customWidth="1"/>
    <col min="778" max="778" width="9.140625" style="268" customWidth="1"/>
    <col min="779" max="780" width="7.7109375" style="268" customWidth="1"/>
    <col min="781" max="781" width="8" style="268" customWidth="1"/>
    <col min="782" max="1013" width="9.140625" style="268"/>
    <col min="1014" max="1014" width="32" style="268" customWidth="1"/>
    <col min="1015" max="1015" width="9.140625" style="268"/>
    <col min="1016" max="1016" width="9.140625" style="268" customWidth="1"/>
    <col min="1017" max="1017" width="9.140625" style="268"/>
    <col min="1018" max="1018" width="9.140625" style="268" customWidth="1"/>
    <col min="1019" max="1019" width="7" style="268" customWidth="1"/>
    <col min="1020" max="1020" width="9.140625" style="268" customWidth="1"/>
    <col min="1021" max="1021" width="7.42578125" style="268" customWidth="1"/>
    <col min="1022" max="1022" width="9.140625" style="268" customWidth="1"/>
    <col min="1023" max="1023" width="7.42578125" style="268" customWidth="1"/>
    <col min="1024" max="1025" width="9.140625" style="268" customWidth="1"/>
    <col min="1026" max="1026" width="7.42578125" style="268" customWidth="1"/>
    <col min="1027" max="1027" width="9.140625" style="268" customWidth="1"/>
    <col min="1028" max="1028" width="7.85546875" style="268" customWidth="1"/>
    <col min="1029" max="1030" width="9.140625" style="268" customWidth="1"/>
    <col min="1031" max="1031" width="7.7109375" style="268" customWidth="1"/>
    <col min="1032" max="1032" width="9.140625" style="268" customWidth="1"/>
    <col min="1033" max="1033" width="7.5703125" style="268" customWidth="1"/>
    <col min="1034" max="1034" width="9.140625" style="268" customWidth="1"/>
    <col min="1035" max="1036" width="7.7109375" style="268" customWidth="1"/>
    <col min="1037" max="1037" width="8" style="268" customWidth="1"/>
    <col min="1038" max="1269" width="9.140625" style="268"/>
    <col min="1270" max="1270" width="32" style="268" customWidth="1"/>
    <col min="1271" max="1271" width="9.140625" style="268"/>
    <col min="1272" max="1272" width="9.140625" style="268" customWidth="1"/>
    <col min="1273" max="1273" width="9.140625" style="268"/>
    <col min="1274" max="1274" width="9.140625" style="268" customWidth="1"/>
    <col min="1275" max="1275" width="7" style="268" customWidth="1"/>
    <col min="1276" max="1276" width="9.140625" style="268" customWidth="1"/>
    <col min="1277" max="1277" width="7.42578125" style="268" customWidth="1"/>
    <col min="1278" max="1278" width="9.140625" style="268" customWidth="1"/>
    <col min="1279" max="1279" width="7.42578125" style="268" customWidth="1"/>
    <col min="1280" max="1281" width="9.140625" style="268" customWidth="1"/>
    <col min="1282" max="1282" width="7.42578125" style="268" customWidth="1"/>
    <col min="1283" max="1283" width="9.140625" style="268" customWidth="1"/>
    <col min="1284" max="1284" width="7.85546875" style="268" customWidth="1"/>
    <col min="1285" max="1286" width="9.140625" style="268" customWidth="1"/>
    <col min="1287" max="1287" width="7.7109375" style="268" customWidth="1"/>
    <col min="1288" max="1288" width="9.140625" style="268" customWidth="1"/>
    <col min="1289" max="1289" width="7.5703125" style="268" customWidth="1"/>
    <col min="1290" max="1290" width="9.140625" style="268" customWidth="1"/>
    <col min="1291" max="1292" width="7.7109375" style="268" customWidth="1"/>
    <col min="1293" max="1293" width="8" style="268" customWidth="1"/>
    <col min="1294" max="1525" width="9.140625" style="268"/>
    <col min="1526" max="1526" width="32" style="268" customWidth="1"/>
    <col min="1527" max="1527" width="9.140625" style="268"/>
    <col min="1528" max="1528" width="9.140625" style="268" customWidth="1"/>
    <col min="1529" max="1529" width="9.140625" style="268"/>
    <col min="1530" max="1530" width="9.140625" style="268" customWidth="1"/>
    <col min="1531" max="1531" width="7" style="268" customWidth="1"/>
    <col min="1532" max="1532" width="9.140625" style="268" customWidth="1"/>
    <col min="1533" max="1533" width="7.42578125" style="268" customWidth="1"/>
    <col min="1534" max="1534" width="9.140625" style="268" customWidth="1"/>
    <col min="1535" max="1535" width="7.42578125" style="268" customWidth="1"/>
    <col min="1536" max="1537" width="9.140625" style="268" customWidth="1"/>
    <col min="1538" max="1538" width="7.42578125" style="268" customWidth="1"/>
    <col min="1539" max="1539" width="9.140625" style="268" customWidth="1"/>
    <col min="1540" max="1540" width="7.85546875" style="268" customWidth="1"/>
    <col min="1541" max="1542" width="9.140625" style="268" customWidth="1"/>
    <col min="1543" max="1543" width="7.7109375" style="268" customWidth="1"/>
    <col min="1544" max="1544" width="9.140625" style="268" customWidth="1"/>
    <col min="1545" max="1545" width="7.5703125" style="268" customWidth="1"/>
    <col min="1546" max="1546" width="9.140625" style="268" customWidth="1"/>
    <col min="1547" max="1548" width="7.7109375" style="268" customWidth="1"/>
    <col min="1549" max="1549" width="8" style="268" customWidth="1"/>
    <col min="1550" max="1781" width="9.140625" style="268"/>
    <col min="1782" max="1782" width="32" style="268" customWidth="1"/>
    <col min="1783" max="1783" width="9.140625" style="268"/>
    <col min="1784" max="1784" width="9.140625" style="268" customWidth="1"/>
    <col min="1785" max="1785" width="9.140625" style="268"/>
    <col min="1786" max="1786" width="9.140625" style="268" customWidth="1"/>
    <col min="1787" max="1787" width="7" style="268" customWidth="1"/>
    <col min="1788" max="1788" width="9.140625" style="268" customWidth="1"/>
    <col min="1789" max="1789" width="7.42578125" style="268" customWidth="1"/>
    <col min="1790" max="1790" width="9.140625" style="268" customWidth="1"/>
    <col min="1791" max="1791" width="7.42578125" style="268" customWidth="1"/>
    <col min="1792" max="1793" width="9.140625" style="268" customWidth="1"/>
    <col min="1794" max="1794" width="7.42578125" style="268" customWidth="1"/>
    <col min="1795" max="1795" width="9.140625" style="268" customWidth="1"/>
    <col min="1796" max="1796" width="7.85546875" style="268" customWidth="1"/>
    <col min="1797" max="1798" width="9.140625" style="268" customWidth="1"/>
    <col min="1799" max="1799" width="7.7109375" style="268" customWidth="1"/>
    <col min="1800" max="1800" width="9.140625" style="268" customWidth="1"/>
    <col min="1801" max="1801" width="7.5703125" style="268" customWidth="1"/>
    <col min="1802" max="1802" width="9.140625" style="268" customWidth="1"/>
    <col min="1803" max="1804" width="7.7109375" style="268" customWidth="1"/>
    <col min="1805" max="1805" width="8" style="268" customWidth="1"/>
    <col min="1806" max="2037" width="9.140625" style="268"/>
    <col min="2038" max="2038" width="32" style="268" customWidth="1"/>
    <col min="2039" max="2039" width="9.140625" style="268"/>
    <col min="2040" max="2040" width="9.140625" style="268" customWidth="1"/>
    <col min="2041" max="2041" width="9.140625" style="268"/>
    <col min="2042" max="2042" width="9.140625" style="268" customWidth="1"/>
    <col min="2043" max="2043" width="7" style="268" customWidth="1"/>
    <col min="2044" max="2044" width="9.140625" style="268" customWidth="1"/>
    <col min="2045" max="2045" width="7.42578125" style="268" customWidth="1"/>
    <col min="2046" max="2046" width="9.140625" style="268" customWidth="1"/>
    <col min="2047" max="2047" width="7.42578125" style="268" customWidth="1"/>
    <col min="2048" max="2049" width="9.140625" style="268" customWidth="1"/>
    <col min="2050" max="2050" width="7.42578125" style="268" customWidth="1"/>
    <col min="2051" max="2051" width="9.140625" style="268" customWidth="1"/>
    <col min="2052" max="2052" width="7.85546875" style="268" customWidth="1"/>
    <col min="2053" max="2054" width="9.140625" style="268" customWidth="1"/>
    <col min="2055" max="2055" width="7.7109375" style="268" customWidth="1"/>
    <col min="2056" max="2056" width="9.140625" style="268" customWidth="1"/>
    <col min="2057" max="2057" width="7.5703125" style="268" customWidth="1"/>
    <col min="2058" max="2058" width="9.140625" style="268" customWidth="1"/>
    <col min="2059" max="2060" width="7.7109375" style="268" customWidth="1"/>
    <col min="2061" max="2061" width="8" style="268" customWidth="1"/>
    <col min="2062" max="2293" width="9.140625" style="268"/>
    <col min="2294" max="2294" width="32" style="268" customWidth="1"/>
    <col min="2295" max="2295" width="9.140625" style="268"/>
    <col min="2296" max="2296" width="9.140625" style="268" customWidth="1"/>
    <col min="2297" max="2297" width="9.140625" style="268"/>
    <col min="2298" max="2298" width="9.140625" style="268" customWidth="1"/>
    <col min="2299" max="2299" width="7" style="268" customWidth="1"/>
    <col min="2300" max="2300" width="9.140625" style="268" customWidth="1"/>
    <col min="2301" max="2301" width="7.42578125" style="268" customWidth="1"/>
    <col min="2302" max="2302" width="9.140625" style="268" customWidth="1"/>
    <col min="2303" max="2303" width="7.42578125" style="268" customWidth="1"/>
    <col min="2304" max="2305" width="9.140625" style="268" customWidth="1"/>
    <col min="2306" max="2306" width="7.42578125" style="268" customWidth="1"/>
    <col min="2307" max="2307" width="9.140625" style="268" customWidth="1"/>
    <col min="2308" max="2308" width="7.85546875" style="268" customWidth="1"/>
    <col min="2309" max="2310" width="9.140625" style="268" customWidth="1"/>
    <col min="2311" max="2311" width="7.7109375" style="268" customWidth="1"/>
    <col min="2312" max="2312" width="9.140625" style="268" customWidth="1"/>
    <col min="2313" max="2313" width="7.5703125" style="268" customWidth="1"/>
    <col min="2314" max="2314" width="9.140625" style="268" customWidth="1"/>
    <col min="2315" max="2316" width="7.7109375" style="268" customWidth="1"/>
    <col min="2317" max="2317" width="8" style="268" customWidth="1"/>
    <col min="2318" max="2549" width="9.140625" style="268"/>
    <col min="2550" max="2550" width="32" style="268" customWidth="1"/>
    <col min="2551" max="2551" width="9.140625" style="268"/>
    <col min="2552" max="2552" width="9.140625" style="268" customWidth="1"/>
    <col min="2553" max="2553" width="9.140625" style="268"/>
    <col min="2554" max="2554" width="9.140625" style="268" customWidth="1"/>
    <col min="2555" max="2555" width="7" style="268" customWidth="1"/>
    <col min="2556" max="2556" width="9.140625" style="268" customWidth="1"/>
    <col min="2557" max="2557" width="7.42578125" style="268" customWidth="1"/>
    <col min="2558" max="2558" width="9.140625" style="268" customWidth="1"/>
    <col min="2559" max="2559" width="7.42578125" style="268" customWidth="1"/>
    <col min="2560" max="2561" width="9.140625" style="268" customWidth="1"/>
    <col min="2562" max="2562" width="7.42578125" style="268" customWidth="1"/>
    <col min="2563" max="2563" width="9.140625" style="268" customWidth="1"/>
    <col min="2564" max="2564" width="7.85546875" style="268" customWidth="1"/>
    <col min="2565" max="2566" width="9.140625" style="268" customWidth="1"/>
    <col min="2567" max="2567" width="7.7109375" style="268" customWidth="1"/>
    <col min="2568" max="2568" width="9.140625" style="268" customWidth="1"/>
    <col min="2569" max="2569" width="7.5703125" style="268" customWidth="1"/>
    <col min="2570" max="2570" width="9.140625" style="268" customWidth="1"/>
    <col min="2571" max="2572" width="7.7109375" style="268" customWidth="1"/>
    <col min="2573" max="2573" width="8" style="268" customWidth="1"/>
    <col min="2574" max="2805" width="9.140625" style="268"/>
    <col min="2806" max="2806" width="32" style="268" customWidth="1"/>
    <col min="2807" max="2807" width="9.140625" style="268"/>
    <col min="2808" max="2808" width="9.140625" style="268" customWidth="1"/>
    <col min="2809" max="2809" width="9.140625" style="268"/>
    <col min="2810" max="2810" width="9.140625" style="268" customWidth="1"/>
    <col min="2811" max="2811" width="7" style="268" customWidth="1"/>
    <col min="2812" max="2812" width="9.140625" style="268" customWidth="1"/>
    <col min="2813" max="2813" width="7.42578125" style="268" customWidth="1"/>
    <col min="2814" max="2814" width="9.140625" style="268" customWidth="1"/>
    <col min="2815" max="2815" width="7.42578125" style="268" customWidth="1"/>
    <col min="2816" max="2817" width="9.140625" style="268" customWidth="1"/>
    <col min="2818" max="2818" width="7.42578125" style="268" customWidth="1"/>
    <col min="2819" max="2819" width="9.140625" style="268" customWidth="1"/>
    <col min="2820" max="2820" width="7.85546875" style="268" customWidth="1"/>
    <col min="2821" max="2822" width="9.140625" style="268" customWidth="1"/>
    <col min="2823" max="2823" width="7.7109375" style="268" customWidth="1"/>
    <col min="2824" max="2824" width="9.140625" style="268" customWidth="1"/>
    <col min="2825" max="2825" width="7.5703125" style="268" customWidth="1"/>
    <col min="2826" max="2826" width="9.140625" style="268" customWidth="1"/>
    <col min="2827" max="2828" width="7.7109375" style="268" customWidth="1"/>
    <col min="2829" max="2829" width="8" style="268" customWidth="1"/>
    <col min="2830" max="3061" width="9.140625" style="268"/>
    <col min="3062" max="3062" width="32" style="268" customWidth="1"/>
    <col min="3063" max="3063" width="9.140625" style="268"/>
    <col min="3064" max="3064" width="9.140625" style="268" customWidth="1"/>
    <col min="3065" max="3065" width="9.140625" style="268"/>
    <col min="3066" max="3066" width="9.140625" style="268" customWidth="1"/>
    <col min="3067" max="3067" width="7" style="268" customWidth="1"/>
    <col min="3068" max="3068" width="9.140625" style="268" customWidth="1"/>
    <col min="3069" max="3069" width="7.42578125" style="268" customWidth="1"/>
    <col min="3070" max="3070" width="9.140625" style="268" customWidth="1"/>
    <col min="3071" max="3071" width="7.42578125" style="268" customWidth="1"/>
    <col min="3072" max="3073" width="9.140625" style="268" customWidth="1"/>
    <col min="3074" max="3074" width="7.42578125" style="268" customWidth="1"/>
    <col min="3075" max="3075" width="9.140625" style="268" customWidth="1"/>
    <col min="3076" max="3076" width="7.85546875" style="268" customWidth="1"/>
    <col min="3077" max="3078" width="9.140625" style="268" customWidth="1"/>
    <col min="3079" max="3079" width="7.7109375" style="268" customWidth="1"/>
    <col min="3080" max="3080" width="9.140625" style="268" customWidth="1"/>
    <col min="3081" max="3081" width="7.5703125" style="268" customWidth="1"/>
    <col min="3082" max="3082" width="9.140625" style="268" customWidth="1"/>
    <col min="3083" max="3084" width="7.7109375" style="268" customWidth="1"/>
    <col min="3085" max="3085" width="8" style="268" customWidth="1"/>
    <col min="3086" max="3317" width="9.140625" style="268"/>
    <col min="3318" max="3318" width="32" style="268" customWidth="1"/>
    <col min="3319" max="3319" width="9.140625" style="268"/>
    <col min="3320" max="3320" width="9.140625" style="268" customWidth="1"/>
    <col min="3321" max="3321" width="9.140625" style="268"/>
    <col min="3322" max="3322" width="9.140625" style="268" customWidth="1"/>
    <col min="3323" max="3323" width="7" style="268" customWidth="1"/>
    <col min="3324" max="3324" width="9.140625" style="268" customWidth="1"/>
    <col min="3325" max="3325" width="7.42578125" style="268" customWidth="1"/>
    <col min="3326" max="3326" width="9.140625" style="268" customWidth="1"/>
    <col min="3327" max="3327" width="7.42578125" style="268" customWidth="1"/>
    <col min="3328" max="3329" width="9.140625" style="268" customWidth="1"/>
    <col min="3330" max="3330" width="7.42578125" style="268" customWidth="1"/>
    <col min="3331" max="3331" width="9.140625" style="268" customWidth="1"/>
    <col min="3332" max="3332" width="7.85546875" style="268" customWidth="1"/>
    <col min="3333" max="3334" width="9.140625" style="268" customWidth="1"/>
    <col min="3335" max="3335" width="7.7109375" style="268" customWidth="1"/>
    <col min="3336" max="3336" width="9.140625" style="268" customWidth="1"/>
    <col min="3337" max="3337" width="7.5703125" style="268" customWidth="1"/>
    <col min="3338" max="3338" width="9.140625" style="268" customWidth="1"/>
    <col min="3339" max="3340" width="7.7109375" style="268" customWidth="1"/>
    <col min="3341" max="3341" width="8" style="268" customWidth="1"/>
    <col min="3342" max="3573" width="9.140625" style="268"/>
    <col min="3574" max="3574" width="32" style="268" customWidth="1"/>
    <col min="3575" max="3575" width="9.140625" style="268"/>
    <col min="3576" max="3576" width="9.140625" style="268" customWidth="1"/>
    <col min="3577" max="3577" width="9.140625" style="268"/>
    <col min="3578" max="3578" width="9.140625" style="268" customWidth="1"/>
    <col min="3579" max="3579" width="7" style="268" customWidth="1"/>
    <col min="3580" max="3580" width="9.140625" style="268" customWidth="1"/>
    <col min="3581" max="3581" width="7.42578125" style="268" customWidth="1"/>
    <col min="3582" max="3582" width="9.140625" style="268" customWidth="1"/>
    <col min="3583" max="3583" width="7.42578125" style="268" customWidth="1"/>
    <col min="3584" max="3585" width="9.140625" style="268" customWidth="1"/>
    <col min="3586" max="3586" width="7.42578125" style="268" customWidth="1"/>
    <col min="3587" max="3587" width="9.140625" style="268" customWidth="1"/>
    <col min="3588" max="3588" width="7.85546875" style="268" customWidth="1"/>
    <col min="3589" max="3590" width="9.140625" style="268" customWidth="1"/>
    <col min="3591" max="3591" width="7.7109375" style="268" customWidth="1"/>
    <col min="3592" max="3592" width="9.140625" style="268" customWidth="1"/>
    <col min="3593" max="3593" width="7.5703125" style="268" customWidth="1"/>
    <col min="3594" max="3594" width="9.140625" style="268" customWidth="1"/>
    <col min="3595" max="3596" width="7.7109375" style="268" customWidth="1"/>
    <col min="3597" max="3597" width="8" style="268" customWidth="1"/>
    <col min="3598" max="3829" width="9.140625" style="268"/>
    <col min="3830" max="3830" width="32" style="268" customWidth="1"/>
    <col min="3831" max="3831" width="9.140625" style="268"/>
    <col min="3832" max="3832" width="9.140625" style="268" customWidth="1"/>
    <col min="3833" max="3833" width="9.140625" style="268"/>
    <col min="3834" max="3834" width="9.140625" style="268" customWidth="1"/>
    <col min="3835" max="3835" width="7" style="268" customWidth="1"/>
    <col min="3836" max="3836" width="9.140625" style="268" customWidth="1"/>
    <col min="3837" max="3837" width="7.42578125" style="268" customWidth="1"/>
    <col min="3838" max="3838" width="9.140625" style="268" customWidth="1"/>
    <col min="3839" max="3839" width="7.42578125" style="268" customWidth="1"/>
    <col min="3840" max="3841" width="9.140625" style="268" customWidth="1"/>
    <col min="3842" max="3842" width="7.42578125" style="268" customWidth="1"/>
    <col min="3843" max="3843" width="9.140625" style="268" customWidth="1"/>
    <col min="3844" max="3844" width="7.85546875" style="268" customWidth="1"/>
    <col min="3845" max="3846" width="9.140625" style="268" customWidth="1"/>
    <col min="3847" max="3847" width="7.7109375" style="268" customWidth="1"/>
    <col min="3848" max="3848" width="9.140625" style="268" customWidth="1"/>
    <col min="3849" max="3849" width="7.5703125" style="268" customWidth="1"/>
    <col min="3850" max="3850" width="9.140625" style="268" customWidth="1"/>
    <col min="3851" max="3852" width="7.7109375" style="268" customWidth="1"/>
    <col min="3853" max="3853" width="8" style="268" customWidth="1"/>
    <col min="3854" max="4085" width="9.140625" style="268"/>
    <col min="4086" max="4086" width="32" style="268" customWidth="1"/>
    <col min="4087" max="4087" width="9.140625" style="268"/>
    <col min="4088" max="4088" width="9.140625" style="268" customWidth="1"/>
    <col min="4089" max="4089" width="9.140625" style="268"/>
    <col min="4090" max="4090" width="9.140625" style="268" customWidth="1"/>
    <col min="4091" max="4091" width="7" style="268" customWidth="1"/>
    <col min="4092" max="4092" width="9.140625" style="268" customWidth="1"/>
    <col min="4093" max="4093" width="7.42578125" style="268" customWidth="1"/>
    <col min="4094" max="4094" width="9.140625" style="268" customWidth="1"/>
    <col min="4095" max="4095" width="7.42578125" style="268" customWidth="1"/>
    <col min="4096" max="4097" width="9.140625" style="268" customWidth="1"/>
    <col min="4098" max="4098" width="7.42578125" style="268" customWidth="1"/>
    <col min="4099" max="4099" width="9.140625" style="268" customWidth="1"/>
    <col min="4100" max="4100" width="7.85546875" style="268" customWidth="1"/>
    <col min="4101" max="4102" width="9.140625" style="268" customWidth="1"/>
    <col min="4103" max="4103" width="7.7109375" style="268" customWidth="1"/>
    <col min="4104" max="4104" width="9.140625" style="268" customWidth="1"/>
    <col min="4105" max="4105" width="7.5703125" style="268" customWidth="1"/>
    <col min="4106" max="4106" width="9.140625" style="268" customWidth="1"/>
    <col min="4107" max="4108" width="7.7109375" style="268" customWidth="1"/>
    <col min="4109" max="4109" width="8" style="268" customWidth="1"/>
    <col min="4110" max="4341" width="9.140625" style="268"/>
    <col min="4342" max="4342" width="32" style="268" customWidth="1"/>
    <col min="4343" max="4343" width="9.140625" style="268"/>
    <col min="4344" max="4344" width="9.140625" style="268" customWidth="1"/>
    <col min="4345" max="4345" width="9.140625" style="268"/>
    <col min="4346" max="4346" width="9.140625" style="268" customWidth="1"/>
    <col min="4347" max="4347" width="7" style="268" customWidth="1"/>
    <col min="4348" max="4348" width="9.140625" style="268" customWidth="1"/>
    <col min="4349" max="4349" width="7.42578125" style="268" customWidth="1"/>
    <col min="4350" max="4350" width="9.140625" style="268" customWidth="1"/>
    <col min="4351" max="4351" width="7.42578125" style="268" customWidth="1"/>
    <col min="4352" max="4353" width="9.140625" style="268" customWidth="1"/>
    <col min="4354" max="4354" width="7.42578125" style="268" customWidth="1"/>
    <col min="4355" max="4355" width="9.140625" style="268" customWidth="1"/>
    <col min="4356" max="4356" width="7.85546875" style="268" customWidth="1"/>
    <col min="4357" max="4358" width="9.140625" style="268" customWidth="1"/>
    <col min="4359" max="4359" width="7.7109375" style="268" customWidth="1"/>
    <col min="4360" max="4360" width="9.140625" style="268" customWidth="1"/>
    <col min="4361" max="4361" width="7.5703125" style="268" customWidth="1"/>
    <col min="4362" max="4362" width="9.140625" style="268" customWidth="1"/>
    <col min="4363" max="4364" width="7.7109375" style="268" customWidth="1"/>
    <col min="4365" max="4365" width="8" style="268" customWidth="1"/>
    <col min="4366" max="4597" width="9.140625" style="268"/>
    <col min="4598" max="4598" width="32" style="268" customWidth="1"/>
    <col min="4599" max="4599" width="9.140625" style="268"/>
    <col min="4600" max="4600" width="9.140625" style="268" customWidth="1"/>
    <col min="4601" max="4601" width="9.140625" style="268"/>
    <col min="4602" max="4602" width="9.140625" style="268" customWidth="1"/>
    <col min="4603" max="4603" width="7" style="268" customWidth="1"/>
    <col min="4604" max="4604" width="9.140625" style="268" customWidth="1"/>
    <col min="4605" max="4605" width="7.42578125" style="268" customWidth="1"/>
    <col min="4606" max="4606" width="9.140625" style="268" customWidth="1"/>
    <col min="4607" max="4607" width="7.42578125" style="268" customWidth="1"/>
    <col min="4608" max="4609" width="9.140625" style="268" customWidth="1"/>
    <col min="4610" max="4610" width="7.42578125" style="268" customWidth="1"/>
    <col min="4611" max="4611" width="9.140625" style="268" customWidth="1"/>
    <col min="4612" max="4612" width="7.85546875" style="268" customWidth="1"/>
    <col min="4613" max="4614" width="9.140625" style="268" customWidth="1"/>
    <col min="4615" max="4615" width="7.7109375" style="268" customWidth="1"/>
    <col min="4616" max="4616" width="9.140625" style="268" customWidth="1"/>
    <col min="4617" max="4617" width="7.5703125" style="268" customWidth="1"/>
    <col min="4618" max="4618" width="9.140625" style="268" customWidth="1"/>
    <col min="4619" max="4620" width="7.7109375" style="268" customWidth="1"/>
    <col min="4621" max="4621" width="8" style="268" customWidth="1"/>
    <col min="4622" max="4853" width="9.140625" style="268"/>
    <col min="4854" max="4854" width="32" style="268" customWidth="1"/>
    <col min="4855" max="4855" width="9.140625" style="268"/>
    <col min="4856" max="4856" width="9.140625" style="268" customWidth="1"/>
    <col min="4857" max="4857" width="9.140625" style="268"/>
    <col min="4858" max="4858" width="9.140625" style="268" customWidth="1"/>
    <col min="4859" max="4859" width="7" style="268" customWidth="1"/>
    <col min="4860" max="4860" width="9.140625" style="268" customWidth="1"/>
    <col min="4861" max="4861" width="7.42578125" style="268" customWidth="1"/>
    <col min="4862" max="4862" width="9.140625" style="268" customWidth="1"/>
    <col min="4863" max="4863" width="7.42578125" style="268" customWidth="1"/>
    <col min="4864" max="4865" width="9.140625" style="268" customWidth="1"/>
    <col min="4866" max="4866" width="7.42578125" style="268" customWidth="1"/>
    <col min="4867" max="4867" width="9.140625" style="268" customWidth="1"/>
    <col min="4868" max="4868" width="7.85546875" style="268" customWidth="1"/>
    <col min="4869" max="4870" width="9.140625" style="268" customWidth="1"/>
    <col min="4871" max="4871" width="7.7109375" style="268" customWidth="1"/>
    <col min="4872" max="4872" width="9.140625" style="268" customWidth="1"/>
    <col min="4873" max="4873" width="7.5703125" style="268" customWidth="1"/>
    <col min="4874" max="4874" width="9.140625" style="268" customWidth="1"/>
    <col min="4875" max="4876" width="7.7109375" style="268" customWidth="1"/>
    <col min="4877" max="4877" width="8" style="268" customWidth="1"/>
    <col min="4878" max="5109" width="9.140625" style="268"/>
    <col min="5110" max="5110" width="32" style="268" customWidth="1"/>
    <col min="5111" max="5111" width="9.140625" style="268"/>
    <col min="5112" max="5112" width="9.140625" style="268" customWidth="1"/>
    <col min="5113" max="5113" width="9.140625" style="268"/>
    <col min="5114" max="5114" width="9.140625" style="268" customWidth="1"/>
    <col min="5115" max="5115" width="7" style="268" customWidth="1"/>
    <col min="5116" max="5116" width="9.140625" style="268" customWidth="1"/>
    <col min="5117" max="5117" width="7.42578125" style="268" customWidth="1"/>
    <col min="5118" max="5118" width="9.140625" style="268" customWidth="1"/>
    <col min="5119" max="5119" width="7.42578125" style="268" customWidth="1"/>
    <col min="5120" max="5121" width="9.140625" style="268" customWidth="1"/>
    <col min="5122" max="5122" width="7.42578125" style="268" customWidth="1"/>
    <col min="5123" max="5123" width="9.140625" style="268" customWidth="1"/>
    <col min="5124" max="5124" width="7.85546875" style="268" customWidth="1"/>
    <col min="5125" max="5126" width="9.140625" style="268" customWidth="1"/>
    <col min="5127" max="5127" width="7.7109375" style="268" customWidth="1"/>
    <col min="5128" max="5128" width="9.140625" style="268" customWidth="1"/>
    <col min="5129" max="5129" width="7.5703125" style="268" customWidth="1"/>
    <col min="5130" max="5130" width="9.140625" style="268" customWidth="1"/>
    <col min="5131" max="5132" width="7.7109375" style="268" customWidth="1"/>
    <col min="5133" max="5133" width="8" style="268" customWidth="1"/>
    <col min="5134" max="5365" width="9.140625" style="268"/>
    <col min="5366" max="5366" width="32" style="268" customWidth="1"/>
    <col min="5367" max="5367" width="9.140625" style="268"/>
    <col min="5368" max="5368" width="9.140625" style="268" customWidth="1"/>
    <col min="5369" max="5369" width="9.140625" style="268"/>
    <col min="5370" max="5370" width="9.140625" style="268" customWidth="1"/>
    <col min="5371" max="5371" width="7" style="268" customWidth="1"/>
    <col min="5372" max="5372" width="9.140625" style="268" customWidth="1"/>
    <col min="5373" max="5373" width="7.42578125" style="268" customWidth="1"/>
    <col min="5374" max="5374" width="9.140625" style="268" customWidth="1"/>
    <col min="5375" max="5375" width="7.42578125" style="268" customWidth="1"/>
    <col min="5376" max="5377" width="9.140625" style="268" customWidth="1"/>
    <col min="5378" max="5378" width="7.42578125" style="268" customWidth="1"/>
    <col min="5379" max="5379" width="9.140625" style="268" customWidth="1"/>
    <col min="5380" max="5380" width="7.85546875" style="268" customWidth="1"/>
    <col min="5381" max="5382" width="9.140625" style="268" customWidth="1"/>
    <col min="5383" max="5383" width="7.7109375" style="268" customWidth="1"/>
    <col min="5384" max="5384" width="9.140625" style="268" customWidth="1"/>
    <col min="5385" max="5385" width="7.5703125" style="268" customWidth="1"/>
    <col min="5386" max="5386" width="9.140625" style="268" customWidth="1"/>
    <col min="5387" max="5388" width="7.7109375" style="268" customWidth="1"/>
    <col min="5389" max="5389" width="8" style="268" customWidth="1"/>
    <col min="5390" max="5621" width="9.140625" style="268"/>
    <col min="5622" max="5622" width="32" style="268" customWidth="1"/>
    <col min="5623" max="5623" width="9.140625" style="268"/>
    <col min="5624" max="5624" width="9.140625" style="268" customWidth="1"/>
    <col min="5625" max="5625" width="9.140625" style="268"/>
    <col min="5626" max="5626" width="9.140625" style="268" customWidth="1"/>
    <col min="5627" max="5627" width="7" style="268" customWidth="1"/>
    <col min="5628" max="5628" width="9.140625" style="268" customWidth="1"/>
    <col min="5629" max="5629" width="7.42578125" style="268" customWidth="1"/>
    <col min="5630" max="5630" width="9.140625" style="268" customWidth="1"/>
    <col min="5631" max="5631" width="7.42578125" style="268" customWidth="1"/>
    <col min="5632" max="5633" width="9.140625" style="268" customWidth="1"/>
    <col min="5634" max="5634" width="7.42578125" style="268" customWidth="1"/>
    <col min="5635" max="5635" width="9.140625" style="268" customWidth="1"/>
    <col min="5636" max="5636" width="7.85546875" style="268" customWidth="1"/>
    <col min="5637" max="5638" width="9.140625" style="268" customWidth="1"/>
    <col min="5639" max="5639" width="7.7109375" style="268" customWidth="1"/>
    <col min="5640" max="5640" width="9.140625" style="268" customWidth="1"/>
    <col min="5641" max="5641" width="7.5703125" style="268" customWidth="1"/>
    <col min="5642" max="5642" width="9.140625" style="268" customWidth="1"/>
    <col min="5643" max="5644" width="7.7109375" style="268" customWidth="1"/>
    <col min="5645" max="5645" width="8" style="268" customWidth="1"/>
    <col min="5646" max="5877" width="9.140625" style="268"/>
    <col min="5878" max="5878" width="32" style="268" customWidth="1"/>
    <col min="5879" max="5879" width="9.140625" style="268"/>
    <col min="5880" max="5880" width="9.140625" style="268" customWidth="1"/>
    <col min="5881" max="5881" width="9.140625" style="268"/>
    <col min="5882" max="5882" width="9.140625" style="268" customWidth="1"/>
    <col min="5883" max="5883" width="7" style="268" customWidth="1"/>
    <col min="5884" max="5884" width="9.140625" style="268" customWidth="1"/>
    <col min="5885" max="5885" width="7.42578125" style="268" customWidth="1"/>
    <col min="5886" max="5886" width="9.140625" style="268" customWidth="1"/>
    <col min="5887" max="5887" width="7.42578125" style="268" customWidth="1"/>
    <col min="5888" max="5889" width="9.140625" style="268" customWidth="1"/>
    <col min="5890" max="5890" width="7.42578125" style="268" customWidth="1"/>
    <col min="5891" max="5891" width="9.140625" style="268" customWidth="1"/>
    <col min="5892" max="5892" width="7.85546875" style="268" customWidth="1"/>
    <col min="5893" max="5894" width="9.140625" style="268" customWidth="1"/>
    <col min="5895" max="5895" width="7.7109375" style="268" customWidth="1"/>
    <col min="5896" max="5896" width="9.140625" style="268" customWidth="1"/>
    <col min="5897" max="5897" width="7.5703125" style="268" customWidth="1"/>
    <col min="5898" max="5898" width="9.140625" style="268" customWidth="1"/>
    <col min="5899" max="5900" width="7.7109375" style="268" customWidth="1"/>
    <col min="5901" max="5901" width="8" style="268" customWidth="1"/>
    <col min="5902" max="6133" width="9.140625" style="268"/>
    <col min="6134" max="6134" width="32" style="268" customWidth="1"/>
    <col min="6135" max="6135" width="9.140625" style="268"/>
    <col min="6136" max="6136" width="9.140625" style="268" customWidth="1"/>
    <col min="6137" max="6137" width="9.140625" style="268"/>
    <col min="6138" max="6138" width="9.140625" style="268" customWidth="1"/>
    <col min="6139" max="6139" width="7" style="268" customWidth="1"/>
    <col min="6140" max="6140" width="9.140625" style="268" customWidth="1"/>
    <col min="6141" max="6141" width="7.42578125" style="268" customWidth="1"/>
    <col min="6142" max="6142" width="9.140625" style="268" customWidth="1"/>
    <col min="6143" max="6143" width="7.42578125" style="268" customWidth="1"/>
    <col min="6144" max="6145" width="9.140625" style="268" customWidth="1"/>
    <col min="6146" max="6146" width="7.42578125" style="268" customWidth="1"/>
    <col min="6147" max="6147" width="9.140625" style="268" customWidth="1"/>
    <col min="6148" max="6148" width="7.85546875" style="268" customWidth="1"/>
    <col min="6149" max="6150" width="9.140625" style="268" customWidth="1"/>
    <col min="6151" max="6151" width="7.7109375" style="268" customWidth="1"/>
    <col min="6152" max="6152" width="9.140625" style="268" customWidth="1"/>
    <col min="6153" max="6153" width="7.5703125" style="268" customWidth="1"/>
    <col min="6154" max="6154" width="9.140625" style="268" customWidth="1"/>
    <col min="6155" max="6156" width="7.7109375" style="268" customWidth="1"/>
    <col min="6157" max="6157" width="8" style="268" customWidth="1"/>
    <col min="6158" max="6389" width="9.140625" style="268"/>
    <col min="6390" max="6390" width="32" style="268" customWidth="1"/>
    <col min="6391" max="6391" width="9.140625" style="268"/>
    <col min="6392" max="6392" width="9.140625" style="268" customWidth="1"/>
    <col min="6393" max="6393" width="9.140625" style="268"/>
    <col min="6394" max="6394" width="9.140625" style="268" customWidth="1"/>
    <col min="6395" max="6395" width="7" style="268" customWidth="1"/>
    <col min="6396" max="6396" width="9.140625" style="268" customWidth="1"/>
    <col min="6397" max="6397" width="7.42578125" style="268" customWidth="1"/>
    <col min="6398" max="6398" width="9.140625" style="268" customWidth="1"/>
    <col min="6399" max="6399" width="7.42578125" style="268" customWidth="1"/>
    <col min="6400" max="6401" width="9.140625" style="268" customWidth="1"/>
    <col min="6402" max="6402" width="7.42578125" style="268" customWidth="1"/>
    <col min="6403" max="6403" width="9.140625" style="268" customWidth="1"/>
    <col min="6404" max="6404" width="7.85546875" style="268" customWidth="1"/>
    <col min="6405" max="6406" width="9.140625" style="268" customWidth="1"/>
    <col min="6407" max="6407" width="7.7109375" style="268" customWidth="1"/>
    <col min="6408" max="6408" width="9.140625" style="268" customWidth="1"/>
    <col min="6409" max="6409" width="7.5703125" style="268" customWidth="1"/>
    <col min="6410" max="6410" width="9.140625" style="268" customWidth="1"/>
    <col min="6411" max="6412" width="7.7109375" style="268" customWidth="1"/>
    <col min="6413" max="6413" width="8" style="268" customWidth="1"/>
    <col min="6414" max="6645" width="9.140625" style="268"/>
    <col min="6646" max="6646" width="32" style="268" customWidth="1"/>
    <col min="6647" max="6647" width="9.140625" style="268"/>
    <col min="6648" max="6648" width="9.140625" style="268" customWidth="1"/>
    <col min="6649" max="6649" width="9.140625" style="268"/>
    <col min="6650" max="6650" width="9.140625" style="268" customWidth="1"/>
    <col min="6651" max="6651" width="7" style="268" customWidth="1"/>
    <col min="6652" max="6652" width="9.140625" style="268" customWidth="1"/>
    <col min="6653" max="6653" width="7.42578125" style="268" customWidth="1"/>
    <col min="6654" max="6654" width="9.140625" style="268" customWidth="1"/>
    <col min="6655" max="6655" width="7.42578125" style="268" customWidth="1"/>
    <col min="6656" max="6657" width="9.140625" style="268" customWidth="1"/>
    <col min="6658" max="6658" width="7.42578125" style="268" customWidth="1"/>
    <col min="6659" max="6659" width="9.140625" style="268" customWidth="1"/>
    <col min="6660" max="6660" width="7.85546875" style="268" customWidth="1"/>
    <col min="6661" max="6662" width="9.140625" style="268" customWidth="1"/>
    <col min="6663" max="6663" width="7.7109375" style="268" customWidth="1"/>
    <col min="6664" max="6664" width="9.140625" style="268" customWidth="1"/>
    <col min="6665" max="6665" width="7.5703125" style="268" customWidth="1"/>
    <col min="6666" max="6666" width="9.140625" style="268" customWidth="1"/>
    <col min="6667" max="6668" width="7.7109375" style="268" customWidth="1"/>
    <col min="6669" max="6669" width="8" style="268" customWidth="1"/>
    <col min="6670" max="6901" width="9.140625" style="268"/>
    <col min="6902" max="6902" width="32" style="268" customWidth="1"/>
    <col min="6903" max="6903" width="9.140625" style="268"/>
    <col min="6904" max="6904" width="9.140625" style="268" customWidth="1"/>
    <col min="6905" max="6905" width="9.140625" style="268"/>
    <col min="6906" max="6906" width="9.140625" style="268" customWidth="1"/>
    <col min="6907" max="6907" width="7" style="268" customWidth="1"/>
    <col min="6908" max="6908" width="9.140625" style="268" customWidth="1"/>
    <col min="6909" max="6909" width="7.42578125" style="268" customWidth="1"/>
    <col min="6910" max="6910" width="9.140625" style="268" customWidth="1"/>
    <col min="6911" max="6911" width="7.42578125" style="268" customWidth="1"/>
    <col min="6912" max="6913" width="9.140625" style="268" customWidth="1"/>
    <col min="6914" max="6914" width="7.42578125" style="268" customWidth="1"/>
    <col min="6915" max="6915" width="9.140625" style="268" customWidth="1"/>
    <col min="6916" max="6916" width="7.85546875" style="268" customWidth="1"/>
    <col min="6917" max="6918" width="9.140625" style="268" customWidth="1"/>
    <col min="6919" max="6919" width="7.7109375" style="268" customWidth="1"/>
    <col min="6920" max="6920" width="9.140625" style="268" customWidth="1"/>
    <col min="6921" max="6921" width="7.5703125" style="268" customWidth="1"/>
    <col min="6922" max="6922" width="9.140625" style="268" customWidth="1"/>
    <col min="6923" max="6924" width="7.7109375" style="268" customWidth="1"/>
    <col min="6925" max="6925" width="8" style="268" customWidth="1"/>
    <col min="6926" max="7157" width="9.140625" style="268"/>
    <col min="7158" max="7158" width="32" style="268" customWidth="1"/>
    <col min="7159" max="7159" width="9.140625" style="268"/>
    <col min="7160" max="7160" width="9.140625" style="268" customWidth="1"/>
    <col min="7161" max="7161" width="9.140625" style="268"/>
    <col min="7162" max="7162" width="9.140625" style="268" customWidth="1"/>
    <col min="7163" max="7163" width="7" style="268" customWidth="1"/>
    <col min="7164" max="7164" width="9.140625" style="268" customWidth="1"/>
    <col min="7165" max="7165" width="7.42578125" style="268" customWidth="1"/>
    <col min="7166" max="7166" width="9.140625" style="268" customWidth="1"/>
    <col min="7167" max="7167" width="7.42578125" style="268" customWidth="1"/>
    <col min="7168" max="7169" width="9.140625" style="268" customWidth="1"/>
    <col min="7170" max="7170" width="7.42578125" style="268" customWidth="1"/>
    <col min="7171" max="7171" width="9.140625" style="268" customWidth="1"/>
    <col min="7172" max="7172" width="7.85546875" style="268" customWidth="1"/>
    <col min="7173" max="7174" width="9.140625" style="268" customWidth="1"/>
    <col min="7175" max="7175" width="7.7109375" style="268" customWidth="1"/>
    <col min="7176" max="7176" width="9.140625" style="268" customWidth="1"/>
    <col min="7177" max="7177" width="7.5703125" style="268" customWidth="1"/>
    <col min="7178" max="7178" width="9.140625" style="268" customWidth="1"/>
    <col min="7179" max="7180" width="7.7109375" style="268" customWidth="1"/>
    <col min="7181" max="7181" width="8" style="268" customWidth="1"/>
    <col min="7182" max="7413" width="9.140625" style="268"/>
    <col min="7414" max="7414" width="32" style="268" customWidth="1"/>
    <col min="7415" max="7415" width="9.140625" style="268"/>
    <col min="7416" max="7416" width="9.140625" style="268" customWidth="1"/>
    <col min="7417" max="7417" width="9.140625" style="268"/>
    <col min="7418" max="7418" width="9.140625" style="268" customWidth="1"/>
    <col min="7419" max="7419" width="7" style="268" customWidth="1"/>
    <col min="7420" max="7420" width="9.140625" style="268" customWidth="1"/>
    <col min="7421" max="7421" width="7.42578125" style="268" customWidth="1"/>
    <col min="7422" max="7422" width="9.140625" style="268" customWidth="1"/>
    <col min="7423" max="7423" width="7.42578125" style="268" customWidth="1"/>
    <col min="7424" max="7425" width="9.140625" style="268" customWidth="1"/>
    <col min="7426" max="7426" width="7.42578125" style="268" customWidth="1"/>
    <col min="7427" max="7427" width="9.140625" style="268" customWidth="1"/>
    <col min="7428" max="7428" width="7.85546875" style="268" customWidth="1"/>
    <col min="7429" max="7430" width="9.140625" style="268" customWidth="1"/>
    <col min="7431" max="7431" width="7.7109375" style="268" customWidth="1"/>
    <col min="7432" max="7432" width="9.140625" style="268" customWidth="1"/>
    <col min="7433" max="7433" width="7.5703125" style="268" customWidth="1"/>
    <col min="7434" max="7434" width="9.140625" style="268" customWidth="1"/>
    <col min="7435" max="7436" width="7.7109375" style="268" customWidth="1"/>
    <col min="7437" max="7437" width="8" style="268" customWidth="1"/>
    <col min="7438" max="7669" width="9.140625" style="268"/>
    <col min="7670" max="7670" width="32" style="268" customWidth="1"/>
    <col min="7671" max="7671" width="9.140625" style="268"/>
    <col min="7672" max="7672" width="9.140625" style="268" customWidth="1"/>
    <col min="7673" max="7673" width="9.140625" style="268"/>
    <col min="7674" max="7674" width="9.140625" style="268" customWidth="1"/>
    <col min="7675" max="7675" width="7" style="268" customWidth="1"/>
    <col min="7676" max="7676" width="9.140625" style="268" customWidth="1"/>
    <col min="7677" max="7677" width="7.42578125" style="268" customWidth="1"/>
    <col min="7678" max="7678" width="9.140625" style="268" customWidth="1"/>
    <col min="7679" max="7679" width="7.42578125" style="268" customWidth="1"/>
    <col min="7680" max="7681" width="9.140625" style="268" customWidth="1"/>
    <col min="7682" max="7682" width="7.42578125" style="268" customWidth="1"/>
    <col min="7683" max="7683" width="9.140625" style="268" customWidth="1"/>
    <col min="7684" max="7684" width="7.85546875" style="268" customWidth="1"/>
    <col min="7685" max="7686" width="9.140625" style="268" customWidth="1"/>
    <col min="7687" max="7687" width="7.7109375" style="268" customWidth="1"/>
    <col min="7688" max="7688" width="9.140625" style="268" customWidth="1"/>
    <col min="7689" max="7689" width="7.5703125" style="268" customWidth="1"/>
    <col min="7690" max="7690" width="9.140625" style="268" customWidth="1"/>
    <col min="7691" max="7692" width="7.7109375" style="268" customWidth="1"/>
    <col min="7693" max="7693" width="8" style="268" customWidth="1"/>
    <col min="7694" max="7925" width="9.140625" style="268"/>
    <col min="7926" max="7926" width="32" style="268" customWidth="1"/>
    <col min="7927" max="7927" width="9.140625" style="268"/>
    <col min="7928" max="7928" width="9.140625" style="268" customWidth="1"/>
    <col min="7929" max="7929" width="9.140625" style="268"/>
    <col min="7930" max="7930" width="9.140625" style="268" customWidth="1"/>
    <col min="7931" max="7931" width="7" style="268" customWidth="1"/>
    <col min="7932" max="7932" width="9.140625" style="268" customWidth="1"/>
    <col min="7933" max="7933" width="7.42578125" style="268" customWidth="1"/>
    <col min="7934" max="7934" width="9.140625" style="268" customWidth="1"/>
    <col min="7935" max="7935" width="7.42578125" style="268" customWidth="1"/>
    <col min="7936" max="7937" width="9.140625" style="268" customWidth="1"/>
    <col min="7938" max="7938" width="7.42578125" style="268" customWidth="1"/>
    <col min="7939" max="7939" width="9.140625" style="268" customWidth="1"/>
    <col min="7940" max="7940" width="7.85546875" style="268" customWidth="1"/>
    <col min="7941" max="7942" width="9.140625" style="268" customWidth="1"/>
    <col min="7943" max="7943" width="7.7109375" style="268" customWidth="1"/>
    <col min="7944" max="7944" width="9.140625" style="268" customWidth="1"/>
    <col min="7945" max="7945" width="7.5703125" style="268" customWidth="1"/>
    <col min="7946" max="7946" width="9.140625" style="268" customWidth="1"/>
    <col min="7947" max="7948" width="7.7109375" style="268" customWidth="1"/>
    <col min="7949" max="7949" width="8" style="268" customWidth="1"/>
    <col min="7950" max="8181" width="9.140625" style="268"/>
    <col min="8182" max="8182" width="32" style="268" customWidth="1"/>
    <col min="8183" max="8183" width="9.140625" style="268"/>
    <col min="8184" max="8184" width="9.140625" style="268" customWidth="1"/>
    <col min="8185" max="8185" width="9.140625" style="268"/>
    <col min="8186" max="8186" width="9.140625" style="268" customWidth="1"/>
    <col min="8187" max="8187" width="7" style="268" customWidth="1"/>
    <col min="8188" max="8188" width="9.140625" style="268" customWidth="1"/>
    <col min="8189" max="8189" width="7.42578125" style="268" customWidth="1"/>
    <col min="8190" max="8190" width="9.140625" style="268" customWidth="1"/>
    <col min="8191" max="8191" width="7.42578125" style="268" customWidth="1"/>
    <col min="8192" max="8193" width="9.140625" style="268" customWidth="1"/>
    <col min="8194" max="8194" width="7.42578125" style="268" customWidth="1"/>
    <col min="8195" max="8195" width="9.140625" style="268" customWidth="1"/>
    <col min="8196" max="8196" width="7.85546875" style="268" customWidth="1"/>
    <col min="8197" max="8198" width="9.140625" style="268" customWidth="1"/>
    <col min="8199" max="8199" width="7.7109375" style="268" customWidth="1"/>
    <col min="8200" max="8200" width="9.140625" style="268" customWidth="1"/>
    <col min="8201" max="8201" width="7.5703125" style="268" customWidth="1"/>
    <col min="8202" max="8202" width="9.140625" style="268" customWidth="1"/>
    <col min="8203" max="8204" width="7.7109375" style="268" customWidth="1"/>
    <col min="8205" max="8205" width="8" style="268" customWidth="1"/>
    <col min="8206" max="8437" width="9.140625" style="268"/>
    <col min="8438" max="8438" width="32" style="268" customWidth="1"/>
    <col min="8439" max="8439" width="9.140625" style="268"/>
    <col min="8440" max="8440" width="9.140625" style="268" customWidth="1"/>
    <col min="8441" max="8441" width="9.140625" style="268"/>
    <col min="8442" max="8442" width="9.140625" style="268" customWidth="1"/>
    <col min="8443" max="8443" width="7" style="268" customWidth="1"/>
    <col min="8444" max="8444" width="9.140625" style="268" customWidth="1"/>
    <col min="8445" max="8445" width="7.42578125" style="268" customWidth="1"/>
    <col min="8446" max="8446" width="9.140625" style="268" customWidth="1"/>
    <col min="8447" max="8447" width="7.42578125" style="268" customWidth="1"/>
    <col min="8448" max="8449" width="9.140625" style="268" customWidth="1"/>
    <col min="8450" max="8450" width="7.42578125" style="268" customWidth="1"/>
    <col min="8451" max="8451" width="9.140625" style="268" customWidth="1"/>
    <col min="8452" max="8452" width="7.85546875" style="268" customWidth="1"/>
    <col min="8453" max="8454" width="9.140625" style="268" customWidth="1"/>
    <col min="8455" max="8455" width="7.7109375" style="268" customWidth="1"/>
    <col min="8456" max="8456" width="9.140625" style="268" customWidth="1"/>
    <col min="8457" max="8457" width="7.5703125" style="268" customWidth="1"/>
    <col min="8458" max="8458" width="9.140625" style="268" customWidth="1"/>
    <col min="8459" max="8460" width="7.7109375" style="268" customWidth="1"/>
    <col min="8461" max="8461" width="8" style="268" customWidth="1"/>
    <col min="8462" max="8693" width="9.140625" style="268"/>
    <col min="8694" max="8694" width="32" style="268" customWidth="1"/>
    <col min="8695" max="8695" width="9.140625" style="268"/>
    <col min="8696" max="8696" width="9.140625" style="268" customWidth="1"/>
    <col min="8697" max="8697" width="9.140625" style="268"/>
    <col min="8698" max="8698" width="9.140625" style="268" customWidth="1"/>
    <col min="8699" max="8699" width="7" style="268" customWidth="1"/>
    <col min="8700" max="8700" width="9.140625" style="268" customWidth="1"/>
    <col min="8701" max="8701" width="7.42578125" style="268" customWidth="1"/>
    <col min="8702" max="8702" width="9.140625" style="268" customWidth="1"/>
    <col min="8703" max="8703" width="7.42578125" style="268" customWidth="1"/>
    <col min="8704" max="8705" width="9.140625" style="268" customWidth="1"/>
    <col min="8706" max="8706" width="7.42578125" style="268" customWidth="1"/>
    <col min="8707" max="8707" width="9.140625" style="268" customWidth="1"/>
    <col min="8708" max="8708" width="7.85546875" style="268" customWidth="1"/>
    <col min="8709" max="8710" width="9.140625" style="268" customWidth="1"/>
    <col min="8711" max="8711" width="7.7109375" style="268" customWidth="1"/>
    <col min="8712" max="8712" width="9.140625" style="268" customWidth="1"/>
    <col min="8713" max="8713" width="7.5703125" style="268" customWidth="1"/>
    <col min="8714" max="8714" width="9.140625" style="268" customWidth="1"/>
    <col min="8715" max="8716" width="7.7109375" style="268" customWidth="1"/>
    <col min="8717" max="8717" width="8" style="268" customWidth="1"/>
    <col min="8718" max="8949" width="9.140625" style="268"/>
    <col min="8950" max="8950" width="32" style="268" customWidth="1"/>
    <col min="8951" max="8951" width="9.140625" style="268"/>
    <col min="8952" max="8952" width="9.140625" style="268" customWidth="1"/>
    <col min="8953" max="8953" width="9.140625" style="268"/>
    <col min="8954" max="8954" width="9.140625" style="268" customWidth="1"/>
    <col min="8955" max="8955" width="7" style="268" customWidth="1"/>
    <col min="8956" max="8956" width="9.140625" style="268" customWidth="1"/>
    <col min="8957" max="8957" width="7.42578125" style="268" customWidth="1"/>
    <col min="8958" max="8958" width="9.140625" style="268" customWidth="1"/>
    <col min="8959" max="8959" width="7.42578125" style="268" customWidth="1"/>
    <col min="8960" max="8961" width="9.140625" style="268" customWidth="1"/>
    <col min="8962" max="8962" width="7.42578125" style="268" customWidth="1"/>
    <col min="8963" max="8963" width="9.140625" style="268" customWidth="1"/>
    <col min="8964" max="8964" width="7.85546875" style="268" customWidth="1"/>
    <col min="8965" max="8966" width="9.140625" style="268" customWidth="1"/>
    <col min="8967" max="8967" width="7.7109375" style="268" customWidth="1"/>
    <col min="8968" max="8968" width="9.140625" style="268" customWidth="1"/>
    <col min="8969" max="8969" width="7.5703125" style="268" customWidth="1"/>
    <col min="8970" max="8970" width="9.140625" style="268" customWidth="1"/>
    <col min="8971" max="8972" width="7.7109375" style="268" customWidth="1"/>
    <col min="8973" max="8973" width="8" style="268" customWidth="1"/>
    <col min="8974" max="9205" width="9.140625" style="268"/>
    <col min="9206" max="9206" width="32" style="268" customWidth="1"/>
    <col min="9207" max="9207" width="9.140625" style="268"/>
    <col min="9208" max="9208" width="9.140625" style="268" customWidth="1"/>
    <col min="9209" max="9209" width="9.140625" style="268"/>
    <col min="9210" max="9210" width="9.140625" style="268" customWidth="1"/>
    <col min="9211" max="9211" width="7" style="268" customWidth="1"/>
    <col min="9212" max="9212" width="9.140625" style="268" customWidth="1"/>
    <col min="9213" max="9213" width="7.42578125" style="268" customWidth="1"/>
    <col min="9214" max="9214" width="9.140625" style="268" customWidth="1"/>
    <col min="9215" max="9215" width="7.42578125" style="268" customWidth="1"/>
    <col min="9216" max="9217" width="9.140625" style="268" customWidth="1"/>
    <col min="9218" max="9218" width="7.42578125" style="268" customWidth="1"/>
    <col min="9219" max="9219" width="9.140625" style="268" customWidth="1"/>
    <col min="9220" max="9220" width="7.85546875" style="268" customWidth="1"/>
    <col min="9221" max="9222" width="9.140625" style="268" customWidth="1"/>
    <col min="9223" max="9223" width="7.7109375" style="268" customWidth="1"/>
    <col min="9224" max="9224" width="9.140625" style="268" customWidth="1"/>
    <col min="9225" max="9225" width="7.5703125" style="268" customWidth="1"/>
    <col min="9226" max="9226" width="9.140625" style="268" customWidth="1"/>
    <col min="9227" max="9228" width="7.7109375" style="268" customWidth="1"/>
    <col min="9229" max="9229" width="8" style="268" customWidth="1"/>
    <col min="9230" max="9461" width="9.140625" style="268"/>
    <col min="9462" max="9462" width="32" style="268" customWidth="1"/>
    <col min="9463" max="9463" width="9.140625" style="268"/>
    <col min="9464" max="9464" width="9.140625" style="268" customWidth="1"/>
    <col min="9465" max="9465" width="9.140625" style="268"/>
    <col min="9466" max="9466" width="9.140625" style="268" customWidth="1"/>
    <col min="9467" max="9467" width="7" style="268" customWidth="1"/>
    <col min="9468" max="9468" width="9.140625" style="268" customWidth="1"/>
    <col min="9469" max="9469" width="7.42578125" style="268" customWidth="1"/>
    <col min="9470" max="9470" width="9.140625" style="268" customWidth="1"/>
    <col min="9471" max="9471" width="7.42578125" style="268" customWidth="1"/>
    <col min="9472" max="9473" width="9.140625" style="268" customWidth="1"/>
    <col min="9474" max="9474" width="7.42578125" style="268" customWidth="1"/>
    <col min="9475" max="9475" width="9.140625" style="268" customWidth="1"/>
    <col min="9476" max="9476" width="7.85546875" style="268" customWidth="1"/>
    <col min="9477" max="9478" width="9.140625" style="268" customWidth="1"/>
    <col min="9479" max="9479" width="7.7109375" style="268" customWidth="1"/>
    <col min="9480" max="9480" width="9.140625" style="268" customWidth="1"/>
    <col min="9481" max="9481" width="7.5703125" style="268" customWidth="1"/>
    <col min="9482" max="9482" width="9.140625" style="268" customWidth="1"/>
    <col min="9483" max="9484" width="7.7109375" style="268" customWidth="1"/>
    <col min="9485" max="9485" width="8" style="268" customWidth="1"/>
    <col min="9486" max="9717" width="9.140625" style="268"/>
    <col min="9718" max="9718" width="32" style="268" customWidth="1"/>
    <col min="9719" max="9719" width="9.140625" style="268"/>
    <col min="9720" max="9720" width="9.140625" style="268" customWidth="1"/>
    <col min="9721" max="9721" width="9.140625" style="268"/>
    <col min="9722" max="9722" width="9.140625" style="268" customWidth="1"/>
    <col min="9723" max="9723" width="7" style="268" customWidth="1"/>
    <col min="9724" max="9724" width="9.140625" style="268" customWidth="1"/>
    <col min="9725" max="9725" width="7.42578125" style="268" customWidth="1"/>
    <col min="9726" max="9726" width="9.140625" style="268" customWidth="1"/>
    <col min="9727" max="9727" width="7.42578125" style="268" customWidth="1"/>
    <col min="9728" max="9729" width="9.140625" style="268" customWidth="1"/>
    <col min="9730" max="9730" width="7.42578125" style="268" customWidth="1"/>
    <col min="9731" max="9731" width="9.140625" style="268" customWidth="1"/>
    <col min="9732" max="9732" width="7.85546875" style="268" customWidth="1"/>
    <col min="9733" max="9734" width="9.140625" style="268" customWidth="1"/>
    <col min="9735" max="9735" width="7.7109375" style="268" customWidth="1"/>
    <col min="9736" max="9736" width="9.140625" style="268" customWidth="1"/>
    <col min="9737" max="9737" width="7.5703125" style="268" customWidth="1"/>
    <col min="9738" max="9738" width="9.140625" style="268" customWidth="1"/>
    <col min="9739" max="9740" width="7.7109375" style="268" customWidth="1"/>
    <col min="9741" max="9741" width="8" style="268" customWidth="1"/>
    <col min="9742" max="9973" width="9.140625" style="268"/>
    <col min="9974" max="9974" width="32" style="268" customWidth="1"/>
    <col min="9975" max="9975" width="9.140625" style="268"/>
    <col min="9976" max="9976" width="9.140625" style="268" customWidth="1"/>
    <col min="9977" max="9977" width="9.140625" style="268"/>
    <col min="9978" max="9978" width="9.140625" style="268" customWidth="1"/>
    <col min="9979" max="9979" width="7" style="268" customWidth="1"/>
    <col min="9980" max="9980" width="9.140625" style="268" customWidth="1"/>
    <col min="9981" max="9981" width="7.42578125" style="268" customWidth="1"/>
    <col min="9982" max="9982" width="9.140625" style="268" customWidth="1"/>
    <col min="9983" max="9983" width="7.42578125" style="268" customWidth="1"/>
    <col min="9984" max="9985" width="9.140625" style="268" customWidth="1"/>
    <col min="9986" max="9986" width="7.42578125" style="268" customWidth="1"/>
    <col min="9987" max="9987" width="9.140625" style="268" customWidth="1"/>
    <col min="9988" max="9988" width="7.85546875" style="268" customWidth="1"/>
    <col min="9989" max="9990" width="9.140625" style="268" customWidth="1"/>
    <col min="9991" max="9991" width="7.7109375" style="268" customWidth="1"/>
    <col min="9992" max="9992" width="9.140625" style="268" customWidth="1"/>
    <col min="9993" max="9993" width="7.5703125" style="268" customWidth="1"/>
    <col min="9994" max="9994" width="9.140625" style="268" customWidth="1"/>
    <col min="9995" max="9996" width="7.7109375" style="268" customWidth="1"/>
    <col min="9997" max="9997" width="8" style="268" customWidth="1"/>
    <col min="9998" max="10229" width="9.140625" style="268"/>
    <col min="10230" max="10230" width="32" style="268" customWidth="1"/>
    <col min="10231" max="10231" width="9.140625" style="268"/>
    <col min="10232" max="10232" width="9.140625" style="268" customWidth="1"/>
    <col min="10233" max="10233" width="9.140625" style="268"/>
    <col min="10234" max="10234" width="9.140625" style="268" customWidth="1"/>
    <col min="10235" max="10235" width="7" style="268" customWidth="1"/>
    <col min="10236" max="10236" width="9.140625" style="268" customWidth="1"/>
    <col min="10237" max="10237" width="7.42578125" style="268" customWidth="1"/>
    <col min="10238" max="10238" width="9.140625" style="268" customWidth="1"/>
    <col min="10239" max="10239" width="7.42578125" style="268" customWidth="1"/>
    <col min="10240" max="10241" width="9.140625" style="268" customWidth="1"/>
    <col min="10242" max="10242" width="7.42578125" style="268" customWidth="1"/>
    <col min="10243" max="10243" width="9.140625" style="268" customWidth="1"/>
    <col min="10244" max="10244" width="7.85546875" style="268" customWidth="1"/>
    <col min="10245" max="10246" width="9.140625" style="268" customWidth="1"/>
    <col min="10247" max="10247" width="7.7109375" style="268" customWidth="1"/>
    <col min="10248" max="10248" width="9.140625" style="268" customWidth="1"/>
    <col min="10249" max="10249" width="7.5703125" style="268" customWidth="1"/>
    <col min="10250" max="10250" width="9.140625" style="268" customWidth="1"/>
    <col min="10251" max="10252" width="7.7109375" style="268" customWidth="1"/>
    <col min="10253" max="10253" width="8" style="268" customWidth="1"/>
    <col min="10254" max="10485" width="9.140625" style="268"/>
    <col min="10486" max="10486" width="32" style="268" customWidth="1"/>
    <col min="10487" max="10487" width="9.140625" style="268"/>
    <col min="10488" max="10488" width="9.140625" style="268" customWidth="1"/>
    <col min="10489" max="10489" width="9.140625" style="268"/>
    <col min="10490" max="10490" width="9.140625" style="268" customWidth="1"/>
    <col min="10491" max="10491" width="7" style="268" customWidth="1"/>
    <col min="10492" max="10492" width="9.140625" style="268" customWidth="1"/>
    <col min="10493" max="10493" width="7.42578125" style="268" customWidth="1"/>
    <col min="10494" max="10494" width="9.140625" style="268" customWidth="1"/>
    <col min="10495" max="10495" width="7.42578125" style="268" customWidth="1"/>
    <col min="10496" max="10497" width="9.140625" style="268" customWidth="1"/>
    <col min="10498" max="10498" width="7.42578125" style="268" customWidth="1"/>
    <col min="10499" max="10499" width="9.140625" style="268" customWidth="1"/>
    <col min="10500" max="10500" width="7.85546875" style="268" customWidth="1"/>
    <col min="10501" max="10502" width="9.140625" style="268" customWidth="1"/>
    <col min="10503" max="10503" width="7.7109375" style="268" customWidth="1"/>
    <col min="10504" max="10504" width="9.140625" style="268" customWidth="1"/>
    <col min="10505" max="10505" width="7.5703125" style="268" customWidth="1"/>
    <col min="10506" max="10506" width="9.140625" style="268" customWidth="1"/>
    <col min="10507" max="10508" width="7.7109375" style="268" customWidth="1"/>
    <col min="10509" max="10509" width="8" style="268" customWidth="1"/>
    <col min="10510" max="10741" width="9.140625" style="268"/>
    <col min="10742" max="10742" width="32" style="268" customWidth="1"/>
    <col min="10743" max="10743" width="9.140625" style="268"/>
    <col min="10744" max="10744" width="9.140625" style="268" customWidth="1"/>
    <col min="10745" max="10745" width="9.140625" style="268"/>
    <col min="10746" max="10746" width="9.140625" style="268" customWidth="1"/>
    <col min="10747" max="10747" width="7" style="268" customWidth="1"/>
    <col min="10748" max="10748" width="9.140625" style="268" customWidth="1"/>
    <col min="10749" max="10749" width="7.42578125" style="268" customWidth="1"/>
    <col min="10750" max="10750" width="9.140625" style="268" customWidth="1"/>
    <col min="10751" max="10751" width="7.42578125" style="268" customWidth="1"/>
    <col min="10752" max="10753" width="9.140625" style="268" customWidth="1"/>
    <col min="10754" max="10754" width="7.42578125" style="268" customWidth="1"/>
    <col min="10755" max="10755" width="9.140625" style="268" customWidth="1"/>
    <col min="10756" max="10756" width="7.85546875" style="268" customWidth="1"/>
    <col min="10757" max="10758" width="9.140625" style="268" customWidth="1"/>
    <col min="10759" max="10759" width="7.7109375" style="268" customWidth="1"/>
    <col min="10760" max="10760" width="9.140625" style="268" customWidth="1"/>
    <col min="10761" max="10761" width="7.5703125" style="268" customWidth="1"/>
    <col min="10762" max="10762" width="9.140625" style="268" customWidth="1"/>
    <col min="10763" max="10764" width="7.7109375" style="268" customWidth="1"/>
    <col min="10765" max="10765" width="8" style="268" customWidth="1"/>
    <col min="10766" max="10997" width="9.140625" style="268"/>
    <col min="10998" max="10998" width="32" style="268" customWidth="1"/>
    <col min="10999" max="10999" width="9.140625" style="268"/>
    <col min="11000" max="11000" width="9.140625" style="268" customWidth="1"/>
    <col min="11001" max="11001" width="9.140625" style="268"/>
    <col min="11002" max="11002" width="9.140625" style="268" customWidth="1"/>
    <col min="11003" max="11003" width="7" style="268" customWidth="1"/>
    <col min="11004" max="11004" width="9.140625" style="268" customWidth="1"/>
    <col min="11005" max="11005" width="7.42578125" style="268" customWidth="1"/>
    <col min="11006" max="11006" width="9.140625" style="268" customWidth="1"/>
    <col min="11007" max="11007" width="7.42578125" style="268" customWidth="1"/>
    <col min="11008" max="11009" width="9.140625" style="268" customWidth="1"/>
    <col min="11010" max="11010" width="7.42578125" style="268" customWidth="1"/>
    <col min="11011" max="11011" width="9.140625" style="268" customWidth="1"/>
    <col min="11012" max="11012" width="7.85546875" style="268" customWidth="1"/>
    <col min="11013" max="11014" width="9.140625" style="268" customWidth="1"/>
    <col min="11015" max="11015" width="7.7109375" style="268" customWidth="1"/>
    <col min="11016" max="11016" width="9.140625" style="268" customWidth="1"/>
    <col min="11017" max="11017" width="7.5703125" style="268" customWidth="1"/>
    <col min="11018" max="11018" width="9.140625" style="268" customWidth="1"/>
    <col min="11019" max="11020" width="7.7109375" style="268" customWidth="1"/>
    <col min="11021" max="11021" width="8" style="268" customWidth="1"/>
    <col min="11022" max="11253" width="9.140625" style="268"/>
    <col min="11254" max="11254" width="32" style="268" customWidth="1"/>
    <col min="11255" max="11255" width="9.140625" style="268"/>
    <col min="11256" max="11256" width="9.140625" style="268" customWidth="1"/>
    <col min="11257" max="11257" width="9.140625" style="268"/>
    <col min="11258" max="11258" width="9.140625" style="268" customWidth="1"/>
    <col min="11259" max="11259" width="7" style="268" customWidth="1"/>
    <col min="11260" max="11260" width="9.140625" style="268" customWidth="1"/>
    <col min="11261" max="11261" width="7.42578125" style="268" customWidth="1"/>
    <col min="11262" max="11262" width="9.140625" style="268" customWidth="1"/>
    <col min="11263" max="11263" width="7.42578125" style="268" customWidth="1"/>
    <col min="11264" max="11265" width="9.140625" style="268" customWidth="1"/>
    <col min="11266" max="11266" width="7.42578125" style="268" customWidth="1"/>
    <col min="11267" max="11267" width="9.140625" style="268" customWidth="1"/>
    <col min="11268" max="11268" width="7.85546875" style="268" customWidth="1"/>
    <col min="11269" max="11270" width="9.140625" style="268" customWidth="1"/>
    <col min="11271" max="11271" width="7.7109375" style="268" customWidth="1"/>
    <col min="11272" max="11272" width="9.140625" style="268" customWidth="1"/>
    <col min="11273" max="11273" width="7.5703125" style="268" customWidth="1"/>
    <col min="11274" max="11274" width="9.140625" style="268" customWidth="1"/>
    <col min="11275" max="11276" width="7.7109375" style="268" customWidth="1"/>
    <col min="11277" max="11277" width="8" style="268" customWidth="1"/>
    <col min="11278" max="11509" width="9.140625" style="268"/>
    <col min="11510" max="11510" width="32" style="268" customWidth="1"/>
    <col min="11511" max="11511" width="9.140625" style="268"/>
    <col min="11512" max="11512" width="9.140625" style="268" customWidth="1"/>
    <col min="11513" max="11513" width="9.140625" style="268"/>
    <col min="11514" max="11514" width="9.140625" style="268" customWidth="1"/>
    <col min="11515" max="11515" width="7" style="268" customWidth="1"/>
    <col min="11516" max="11516" width="9.140625" style="268" customWidth="1"/>
    <col min="11517" max="11517" width="7.42578125" style="268" customWidth="1"/>
    <col min="11518" max="11518" width="9.140625" style="268" customWidth="1"/>
    <col min="11519" max="11519" width="7.42578125" style="268" customWidth="1"/>
    <col min="11520" max="11521" width="9.140625" style="268" customWidth="1"/>
    <col min="11522" max="11522" width="7.42578125" style="268" customWidth="1"/>
    <col min="11523" max="11523" width="9.140625" style="268" customWidth="1"/>
    <col min="11524" max="11524" width="7.85546875" style="268" customWidth="1"/>
    <col min="11525" max="11526" width="9.140625" style="268" customWidth="1"/>
    <col min="11527" max="11527" width="7.7109375" style="268" customWidth="1"/>
    <col min="11528" max="11528" width="9.140625" style="268" customWidth="1"/>
    <col min="11529" max="11529" width="7.5703125" style="268" customWidth="1"/>
    <col min="11530" max="11530" width="9.140625" style="268" customWidth="1"/>
    <col min="11531" max="11532" width="7.7109375" style="268" customWidth="1"/>
    <col min="11533" max="11533" width="8" style="268" customWidth="1"/>
    <col min="11534" max="11765" width="9.140625" style="268"/>
    <col min="11766" max="11766" width="32" style="268" customWidth="1"/>
    <col min="11767" max="11767" width="9.140625" style="268"/>
    <col min="11768" max="11768" width="9.140625" style="268" customWidth="1"/>
    <col min="11769" max="11769" width="9.140625" style="268"/>
    <col min="11770" max="11770" width="9.140625" style="268" customWidth="1"/>
    <col min="11771" max="11771" width="7" style="268" customWidth="1"/>
    <col min="11772" max="11772" width="9.140625" style="268" customWidth="1"/>
    <col min="11773" max="11773" width="7.42578125" style="268" customWidth="1"/>
    <col min="11774" max="11774" width="9.140625" style="268" customWidth="1"/>
    <col min="11775" max="11775" width="7.42578125" style="268" customWidth="1"/>
    <col min="11776" max="11777" width="9.140625" style="268" customWidth="1"/>
    <col min="11778" max="11778" width="7.42578125" style="268" customWidth="1"/>
    <col min="11779" max="11779" width="9.140625" style="268" customWidth="1"/>
    <col min="11780" max="11780" width="7.85546875" style="268" customWidth="1"/>
    <col min="11781" max="11782" width="9.140625" style="268" customWidth="1"/>
    <col min="11783" max="11783" width="7.7109375" style="268" customWidth="1"/>
    <col min="11784" max="11784" width="9.140625" style="268" customWidth="1"/>
    <col min="11785" max="11785" width="7.5703125" style="268" customWidth="1"/>
    <col min="11786" max="11786" width="9.140625" style="268" customWidth="1"/>
    <col min="11787" max="11788" width="7.7109375" style="268" customWidth="1"/>
    <col min="11789" max="11789" width="8" style="268" customWidth="1"/>
    <col min="11790" max="12021" width="9.140625" style="268"/>
    <col min="12022" max="12022" width="32" style="268" customWidth="1"/>
    <col min="12023" max="12023" width="9.140625" style="268"/>
    <col min="12024" max="12024" width="9.140625" style="268" customWidth="1"/>
    <col min="12025" max="12025" width="9.140625" style="268"/>
    <col min="12026" max="12026" width="9.140625" style="268" customWidth="1"/>
    <col min="12027" max="12027" width="7" style="268" customWidth="1"/>
    <col min="12028" max="12028" width="9.140625" style="268" customWidth="1"/>
    <col min="12029" max="12029" width="7.42578125" style="268" customWidth="1"/>
    <col min="12030" max="12030" width="9.140625" style="268" customWidth="1"/>
    <col min="12031" max="12031" width="7.42578125" style="268" customWidth="1"/>
    <col min="12032" max="12033" width="9.140625" style="268" customWidth="1"/>
    <col min="12034" max="12034" width="7.42578125" style="268" customWidth="1"/>
    <col min="12035" max="12035" width="9.140625" style="268" customWidth="1"/>
    <col min="12036" max="12036" width="7.85546875" style="268" customWidth="1"/>
    <col min="12037" max="12038" width="9.140625" style="268" customWidth="1"/>
    <col min="12039" max="12039" width="7.7109375" style="268" customWidth="1"/>
    <col min="12040" max="12040" width="9.140625" style="268" customWidth="1"/>
    <col min="12041" max="12041" width="7.5703125" style="268" customWidth="1"/>
    <col min="12042" max="12042" width="9.140625" style="268" customWidth="1"/>
    <col min="12043" max="12044" width="7.7109375" style="268" customWidth="1"/>
    <col min="12045" max="12045" width="8" style="268" customWidth="1"/>
    <col min="12046" max="12277" width="9.140625" style="268"/>
    <col min="12278" max="12278" width="32" style="268" customWidth="1"/>
    <col min="12279" max="12279" width="9.140625" style="268"/>
    <col min="12280" max="12280" width="9.140625" style="268" customWidth="1"/>
    <col min="12281" max="12281" width="9.140625" style="268"/>
    <col min="12282" max="12282" width="9.140625" style="268" customWidth="1"/>
    <col min="12283" max="12283" width="7" style="268" customWidth="1"/>
    <col min="12284" max="12284" width="9.140625" style="268" customWidth="1"/>
    <col min="12285" max="12285" width="7.42578125" style="268" customWidth="1"/>
    <col min="12286" max="12286" width="9.140625" style="268" customWidth="1"/>
    <col min="12287" max="12287" width="7.42578125" style="268" customWidth="1"/>
    <col min="12288" max="12289" width="9.140625" style="268" customWidth="1"/>
    <col min="12290" max="12290" width="7.42578125" style="268" customWidth="1"/>
    <col min="12291" max="12291" width="9.140625" style="268" customWidth="1"/>
    <col min="12292" max="12292" width="7.85546875" style="268" customWidth="1"/>
    <col min="12293" max="12294" width="9.140625" style="268" customWidth="1"/>
    <col min="12295" max="12295" width="7.7109375" style="268" customWidth="1"/>
    <col min="12296" max="12296" width="9.140625" style="268" customWidth="1"/>
    <col min="12297" max="12297" width="7.5703125" style="268" customWidth="1"/>
    <col min="12298" max="12298" width="9.140625" style="268" customWidth="1"/>
    <col min="12299" max="12300" width="7.7109375" style="268" customWidth="1"/>
    <col min="12301" max="12301" width="8" style="268" customWidth="1"/>
    <col min="12302" max="12533" width="9.140625" style="268"/>
    <col min="12534" max="12534" width="32" style="268" customWidth="1"/>
    <col min="12535" max="12535" width="9.140625" style="268"/>
    <col min="12536" max="12536" width="9.140625" style="268" customWidth="1"/>
    <col min="12537" max="12537" width="9.140625" style="268"/>
    <col min="12538" max="12538" width="9.140625" style="268" customWidth="1"/>
    <col min="12539" max="12539" width="7" style="268" customWidth="1"/>
    <col min="12540" max="12540" width="9.140625" style="268" customWidth="1"/>
    <col min="12541" max="12541" width="7.42578125" style="268" customWidth="1"/>
    <col min="12542" max="12542" width="9.140625" style="268" customWidth="1"/>
    <col min="12543" max="12543" width="7.42578125" style="268" customWidth="1"/>
    <col min="12544" max="12545" width="9.140625" style="268" customWidth="1"/>
    <col min="12546" max="12546" width="7.42578125" style="268" customWidth="1"/>
    <col min="12547" max="12547" width="9.140625" style="268" customWidth="1"/>
    <col min="12548" max="12548" width="7.85546875" style="268" customWidth="1"/>
    <col min="12549" max="12550" width="9.140625" style="268" customWidth="1"/>
    <col min="12551" max="12551" width="7.7109375" style="268" customWidth="1"/>
    <col min="12552" max="12552" width="9.140625" style="268" customWidth="1"/>
    <col min="12553" max="12553" width="7.5703125" style="268" customWidth="1"/>
    <col min="12554" max="12554" width="9.140625" style="268" customWidth="1"/>
    <col min="12555" max="12556" width="7.7109375" style="268" customWidth="1"/>
    <col min="12557" max="12557" width="8" style="268" customWidth="1"/>
    <col min="12558" max="12789" width="9.140625" style="268"/>
    <col min="12790" max="12790" width="32" style="268" customWidth="1"/>
    <col min="12791" max="12791" width="9.140625" style="268"/>
    <col min="12792" max="12792" width="9.140625" style="268" customWidth="1"/>
    <col min="12793" max="12793" width="9.140625" style="268"/>
    <col min="12794" max="12794" width="9.140625" style="268" customWidth="1"/>
    <col min="12795" max="12795" width="7" style="268" customWidth="1"/>
    <col min="12796" max="12796" width="9.140625" style="268" customWidth="1"/>
    <col min="12797" max="12797" width="7.42578125" style="268" customWidth="1"/>
    <col min="12798" max="12798" width="9.140625" style="268" customWidth="1"/>
    <col min="12799" max="12799" width="7.42578125" style="268" customWidth="1"/>
    <col min="12800" max="12801" width="9.140625" style="268" customWidth="1"/>
    <col min="12802" max="12802" width="7.42578125" style="268" customWidth="1"/>
    <col min="12803" max="12803" width="9.140625" style="268" customWidth="1"/>
    <col min="12804" max="12804" width="7.85546875" style="268" customWidth="1"/>
    <col min="12805" max="12806" width="9.140625" style="268" customWidth="1"/>
    <col min="12807" max="12807" width="7.7109375" style="268" customWidth="1"/>
    <col min="12808" max="12808" width="9.140625" style="268" customWidth="1"/>
    <col min="12809" max="12809" width="7.5703125" style="268" customWidth="1"/>
    <col min="12810" max="12810" width="9.140625" style="268" customWidth="1"/>
    <col min="12811" max="12812" width="7.7109375" style="268" customWidth="1"/>
    <col min="12813" max="12813" width="8" style="268" customWidth="1"/>
    <col min="12814" max="13045" width="9.140625" style="268"/>
    <col min="13046" max="13046" width="32" style="268" customWidth="1"/>
    <col min="13047" max="13047" width="9.140625" style="268"/>
    <col min="13048" max="13048" width="9.140625" style="268" customWidth="1"/>
    <col min="13049" max="13049" width="9.140625" style="268"/>
    <col min="13050" max="13050" width="9.140625" style="268" customWidth="1"/>
    <col min="13051" max="13051" width="7" style="268" customWidth="1"/>
    <col min="13052" max="13052" width="9.140625" style="268" customWidth="1"/>
    <col min="13053" max="13053" width="7.42578125" style="268" customWidth="1"/>
    <col min="13054" max="13054" width="9.140625" style="268" customWidth="1"/>
    <col min="13055" max="13055" width="7.42578125" style="268" customWidth="1"/>
    <col min="13056" max="13057" width="9.140625" style="268" customWidth="1"/>
    <col min="13058" max="13058" width="7.42578125" style="268" customWidth="1"/>
    <col min="13059" max="13059" width="9.140625" style="268" customWidth="1"/>
    <col min="13060" max="13060" width="7.85546875" style="268" customWidth="1"/>
    <col min="13061" max="13062" width="9.140625" style="268" customWidth="1"/>
    <col min="13063" max="13063" width="7.7109375" style="268" customWidth="1"/>
    <col min="13064" max="13064" width="9.140625" style="268" customWidth="1"/>
    <col min="13065" max="13065" width="7.5703125" style="268" customWidth="1"/>
    <col min="13066" max="13066" width="9.140625" style="268" customWidth="1"/>
    <col min="13067" max="13068" width="7.7109375" style="268" customWidth="1"/>
    <col min="13069" max="13069" width="8" style="268" customWidth="1"/>
    <col min="13070" max="13301" width="9.140625" style="268"/>
    <col min="13302" max="13302" width="32" style="268" customWidth="1"/>
    <col min="13303" max="13303" width="9.140625" style="268"/>
    <col min="13304" max="13304" width="9.140625" style="268" customWidth="1"/>
    <col min="13305" max="13305" width="9.140625" style="268"/>
    <col min="13306" max="13306" width="9.140625" style="268" customWidth="1"/>
    <col min="13307" max="13307" width="7" style="268" customWidth="1"/>
    <col min="13308" max="13308" width="9.140625" style="268" customWidth="1"/>
    <col min="13309" max="13309" width="7.42578125" style="268" customWidth="1"/>
    <col min="13310" max="13310" width="9.140625" style="268" customWidth="1"/>
    <col min="13311" max="13311" width="7.42578125" style="268" customWidth="1"/>
    <col min="13312" max="13313" width="9.140625" style="268" customWidth="1"/>
    <col min="13314" max="13314" width="7.42578125" style="268" customWidth="1"/>
    <col min="13315" max="13315" width="9.140625" style="268" customWidth="1"/>
    <col min="13316" max="13316" width="7.85546875" style="268" customWidth="1"/>
    <col min="13317" max="13318" width="9.140625" style="268" customWidth="1"/>
    <col min="13319" max="13319" width="7.7109375" style="268" customWidth="1"/>
    <col min="13320" max="13320" width="9.140625" style="268" customWidth="1"/>
    <col min="13321" max="13321" width="7.5703125" style="268" customWidth="1"/>
    <col min="13322" max="13322" width="9.140625" style="268" customWidth="1"/>
    <col min="13323" max="13324" width="7.7109375" style="268" customWidth="1"/>
    <col min="13325" max="13325" width="8" style="268" customWidth="1"/>
    <col min="13326" max="13557" width="9.140625" style="268"/>
    <col min="13558" max="13558" width="32" style="268" customWidth="1"/>
    <col min="13559" max="13559" width="9.140625" style="268"/>
    <col min="13560" max="13560" width="9.140625" style="268" customWidth="1"/>
    <col min="13561" max="13561" width="9.140625" style="268"/>
    <col min="13562" max="13562" width="9.140625" style="268" customWidth="1"/>
    <col min="13563" max="13563" width="7" style="268" customWidth="1"/>
    <col min="13564" max="13564" width="9.140625" style="268" customWidth="1"/>
    <col min="13565" max="13565" width="7.42578125" style="268" customWidth="1"/>
    <col min="13566" max="13566" width="9.140625" style="268" customWidth="1"/>
    <col min="13567" max="13567" width="7.42578125" style="268" customWidth="1"/>
    <col min="13568" max="13569" width="9.140625" style="268" customWidth="1"/>
    <col min="13570" max="13570" width="7.42578125" style="268" customWidth="1"/>
    <col min="13571" max="13571" width="9.140625" style="268" customWidth="1"/>
    <col min="13572" max="13572" width="7.85546875" style="268" customWidth="1"/>
    <col min="13573" max="13574" width="9.140625" style="268" customWidth="1"/>
    <col min="13575" max="13575" width="7.7109375" style="268" customWidth="1"/>
    <col min="13576" max="13576" width="9.140625" style="268" customWidth="1"/>
    <col min="13577" max="13577" width="7.5703125" style="268" customWidth="1"/>
    <col min="13578" max="13578" width="9.140625" style="268" customWidth="1"/>
    <col min="13579" max="13580" width="7.7109375" style="268" customWidth="1"/>
    <col min="13581" max="13581" width="8" style="268" customWidth="1"/>
    <col min="13582" max="13813" width="9.140625" style="268"/>
    <col min="13814" max="13814" width="32" style="268" customWidth="1"/>
    <col min="13815" max="13815" width="9.140625" style="268"/>
    <col min="13816" max="13816" width="9.140625" style="268" customWidth="1"/>
    <col min="13817" max="13817" width="9.140625" style="268"/>
    <col min="13818" max="13818" width="9.140625" style="268" customWidth="1"/>
    <col min="13819" max="13819" width="7" style="268" customWidth="1"/>
    <col min="13820" max="13820" width="9.140625" style="268" customWidth="1"/>
    <col min="13821" max="13821" width="7.42578125" style="268" customWidth="1"/>
    <col min="13822" max="13822" width="9.140625" style="268" customWidth="1"/>
    <col min="13823" max="13823" width="7.42578125" style="268" customWidth="1"/>
    <col min="13824" max="13825" width="9.140625" style="268" customWidth="1"/>
    <col min="13826" max="13826" width="7.42578125" style="268" customWidth="1"/>
    <col min="13827" max="13827" width="9.140625" style="268" customWidth="1"/>
    <col min="13828" max="13828" width="7.85546875" style="268" customWidth="1"/>
    <col min="13829" max="13830" width="9.140625" style="268" customWidth="1"/>
    <col min="13831" max="13831" width="7.7109375" style="268" customWidth="1"/>
    <col min="13832" max="13832" width="9.140625" style="268" customWidth="1"/>
    <col min="13833" max="13833" width="7.5703125" style="268" customWidth="1"/>
    <col min="13834" max="13834" width="9.140625" style="268" customWidth="1"/>
    <col min="13835" max="13836" width="7.7109375" style="268" customWidth="1"/>
    <col min="13837" max="13837" width="8" style="268" customWidth="1"/>
    <col min="13838" max="14069" width="9.140625" style="268"/>
    <col min="14070" max="14070" width="32" style="268" customWidth="1"/>
    <col min="14071" max="14071" width="9.140625" style="268"/>
    <col min="14072" max="14072" width="9.140625" style="268" customWidth="1"/>
    <col min="14073" max="14073" width="9.140625" style="268"/>
    <col min="14074" max="14074" width="9.140625" style="268" customWidth="1"/>
    <col min="14075" max="14075" width="7" style="268" customWidth="1"/>
    <col min="14076" max="14076" width="9.140625" style="268" customWidth="1"/>
    <col min="14077" max="14077" width="7.42578125" style="268" customWidth="1"/>
    <col min="14078" max="14078" width="9.140625" style="268" customWidth="1"/>
    <col min="14079" max="14079" width="7.42578125" style="268" customWidth="1"/>
    <col min="14080" max="14081" width="9.140625" style="268" customWidth="1"/>
    <col min="14082" max="14082" width="7.42578125" style="268" customWidth="1"/>
    <col min="14083" max="14083" width="9.140625" style="268" customWidth="1"/>
    <col min="14084" max="14084" width="7.85546875" style="268" customWidth="1"/>
    <col min="14085" max="14086" width="9.140625" style="268" customWidth="1"/>
    <col min="14087" max="14087" width="7.7109375" style="268" customWidth="1"/>
    <col min="14088" max="14088" width="9.140625" style="268" customWidth="1"/>
    <col min="14089" max="14089" width="7.5703125" style="268" customWidth="1"/>
    <col min="14090" max="14090" width="9.140625" style="268" customWidth="1"/>
    <col min="14091" max="14092" width="7.7109375" style="268" customWidth="1"/>
    <col min="14093" max="14093" width="8" style="268" customWidth="1"/>
    <col min="14094" max="14325" width="9.140625" style="268"/>
    <col min="14326" max="14326" width="32" style="268" customWidth="1"/>
    <col min="14327" max="14327" width="9.140625" style="268"/>
    <col min="14328" max="14328" width="9.140625" style="268" customWidth="1"/>
    <col min="14329" max="14329" width="9.140625" style="268"/>
    <col min="14330" max="14330" width="9.140625" style="268" customWidth="1"/>
    <col min="14331" max="14331" width="7" style="268" customWidth="1"/>
    <col min="14332" max="14332" width="9.140625" style="268" customWidth="1"/>
    <col min="14333" max="14333" width="7.42578125" style="268" customWidth="1"/>
    <col min="14334" max="14334" width="9.140625" style="268" customWidth="1"/>
    <col min="14335" max="14335" width="7.42578125" style="268" customWidth="1"/>
    <col min="14336" max="14337" width="9.140625" style="268" customWidth="1"/>
    <col min="14338" max="14338" width="7.42578125" style="268" customWidth="1"/>
    <col min="14339" max="14339" width="9.140625" style="268" customWidth="1"/>
    <col min="14340" max="14340" width="7.85546875" style="268" customWidth="1"/>
    <col min="14341" max="14342" width="9.140625" style="268" customWidth="1"/>
    <col min="14343" max="14343" width="7.7109375" style="268" customWidth="1"/>
    <col min="14344" max="14344" width="9.140625" style="268" customWidth="1"/>
    <col min="14345" max="14345" width="7.5703125" style="268" customWidth="1"/>
    <col min="14346" max="14346" width="9.140625" style="268" customWidth="1"/>
    <col min="14347" max="14348" width="7.7109375" style="268" customWidth="1"/>
    <col min="14349" max="14349" width="8" style="268" customWidth="1"/>
    <col min="14350" max="14581" width="9.140625" style="268"/>
    <col min="14582" max="14582" width="32" style="268" customWidth="1"/>
    <col min="14583" max="14583" width="9.140625" style="268"/>
    <col min="14584" max="14584" width="9.140625" style="268" customWidth="1"/>
    <col min="14585" max="14585" width="9.140625" style="268"/>
    <col min="14586" max="14586" width="9.140625" style="268" customWidth="1"/>
    <col min="14587" max="14587" width="7" style="268" customWidth="1"/>
    <col min="14588" max="14588" width="9.140625" style="268" customWidth="1"/>
    <col min="14589" max="14589" width="7.42578125" style="268" customWidth="1"/>
    <col min="14590" max="14590" width="9.140625" style="268" customWidth="1"/>
    <col min="14591" max="14591" width="7.42578125" style="268" customWidth="1"/>
    <col min="14592" max="14593" width="9.140625" style="268" customWidth="1"/>
    <col min="14594" max="14594" width="7.42578125" style="268" customWidth="1"/>
    <col min="14595" max="14595" width="9.140625" style="268" customWidth="1"/>
    <col min="14596" max="14596" width="7.85546875" style="268" customWidth="1"/>
    <col min="14597" max="14598" width="9.140625" style="268" customWidth="1"/>
    <col min="14599" max="14599" width="7.7109375" style="268" customWidth="1"/>
    <col min="14600" max="14600" width="9.140625" style="268" customWidth="1"/>
    <col min="14601" max="14601" width="7.5703125" style="268" customWidth="1"/>
    <col min="14602" max="14602" width="9.140625" style="268" customWidth="1"/>
    <col min="14603" max="14604" width="7.7109375" style="268" customWidth="1"/>
    <col min="14605" max="14605" width="8" style="268" customWidth="1"/>
    <col min="14606" max="14837" width="9.140625" style="268"/>
    <col min="14838" max="14838" width="32" style="268" customWidth="1"/>
    <col min="14839" max="14839" width="9.140625" style="268"/>
    <col min="14840" max="14840" width="9.140625" style="268" customWidth="1"/>
    <col min="14841" max="14841" width="9.140625" style="268"/>
    <col min="14842" max="14842" width="9.140625" style="268" customWidth="1"/>
    <col min="14843" max="14843" width="7" style="268" customWidth="1"/>
    <col min="14844" max="14844" width="9.140625" style="268" customWidth="1"/>
    <col min="14845" max="14845" width="7.42578125" style="268" customWidth="1"/>
    <col min="14846" max="14846" width="9.140625" style="268" customWidth="1"/>
    <col min="14847" max="14847" width="7.42578125" style="268" customWidth="1"/>
    <col min="14848" max="14849" width="9.140625" style="268" customWidth="1"/>
    <col min="14850" max="14850" width="7.42578125" style="268" customWidth="1"/>
    <col min="14851" max="14851" width="9.140625" style="268" customWidth="1"/>
    <col min="14852" max="14852" width="7.85546875" style="268" customWidth="1"/>
    <col min="14853" max="14854" width="9.140625" style="268" customWidth="1"/>
    <col min="14855" max="14855" width="7.7109375" style="268" customWidth="1"/>
    <col min="14856" max="14856" width="9.140625" style="268" customWidth="1"/>
    <col min="14857" max="14857" width="7.5703125" style="268" customWidth="1"/>
    <col min="14858" max="14858" width="9.140625" style="268" customWidth="1"/>
    <col min="14859" max="14860" width="7.7109375" style="268" customWidth="1"/>
    <col min="14861" max="14861" width="8" style="268" customWidth="1"/>
    <col min="14862" max="15093" width="9.140625" style="268"/>
    <col min="15094" max="15094" width="32" style="268" customWidth="1"/>
    <col min="15095" max="15095" width="9.140625" style="268"/>
    <col min="15096" max="15096" width="9.140625" style="268" customWidth="1"/>
    <col min="15097" max="15097" width="9.140625" style="268"/>
    <col min="15098" max="15098" width="9.140625" style="268" customWidth="1"/>
    <col min="15099" max="15099" width="7" style="268" customWidth="1"/>
    <col min="15100" max="15100" width="9.140625" style="268" customWidth="1"/>
    <col min="15101" max="15101" width="7.42578125" style="268" customWidth="1"/>
    <col min="15102" max="15102" width="9.140625" style="268" customWidth="1"/>
    <col min="15103" max="15103" width="7.42578125" style="268" customWidth="1"/>
    <col min="15104" max="15105" width="9.140625" style="268" customWidth="1"/>
    <col min="15106" max="15106" width="7.42578125" style="268" customWidth="1"/>
    <col min="15107" max="15107" width="9.140625" style="268" customWidth="1"/>
    <col min="15108" max="15108" width="7.85546875" style="268" customWidth="1"/>
    <col min="15109" max="15110" width="9.140625" style="268" customWidth="1"/>
    <col min="15111" max="15111" width="7.7109375" style="268" customWidth="1"/>
    <col min="15112" max="15112" width="9.140625" style="268" customWidth="1"/>
    <col min="15113" max="15113" width="7.5703125" style="268" customWidth="1"/>
    <col min="15114" max="15114" width="9.140625" style="268" customWidth="1"/>
    <col min="15115" max="15116" width="7.7109375" style="268" customWidth="1"/>
    <col min="15117" max="15117" width="8" style="268" customWidth="1"/>
    <col min="15118" max="15349" width="9.140625" style="268"/>
    <col min="15350" max="15350" width="32" style="268" customWidth="1"/>
    <col min="15351" max="15351" width="9.140625" style="268"/>
    <col min="15352" max="15352" width="9.140625" style="268" customWidth="1"/>
    <col min="15353" max="15353" width="9.140625" style="268"/>
    <col min="15354" max="15354" width="9.140625" style="268" customWidth="1"/>
    <col min="15355" max="15355" width="7" style="268" customWidth="1"/>
    <col min="15356" max="15356" width="9.140625" style="268" customWidth="1"/>
    <col min="15357" max="15357" width="7.42578125" style="268" customWidth="1"/>
    <col min="15358" max="15358" width="9.140625" style="268" customWidth="1"/>
    <col min="15359" max="15359" width="7.42578125" style="268" customWidth="1"/>
    <col min="15360" max="15361" width="9.140625" style="268" customWidth="1"/>
    <col min="15362" max="15362" width="7.42578125" style="268" customWidth="1"/>
    <col min="15363" max="15363" width="9.140625" style="268" customWidth="1"/>
    <col min="15364" max="15364" width="7.85546875" style="268" customWidth="1"/>
    <col min="15365" max="15366" width="9.140625" style="268" customWidth="1"/>
    <col min="15367" max="15367" width="7.7109375" style="268" customWidth="1"/>
    <col min="15368" max="15368" width="9.140625" style="268" customWidth="1"/>
    <col min="15369" max="15369" width="7.5703125" style="268" customWidth="1"/>
    <col min="15370" max="15370" width="9.140625" style="268" customWidth="1"/>
    <col min="15371" max="15372" width="7.7109375" style="268" customWidth="1"/>
    <col min="15373" max="15373" width="8" style="268" customWidth="1"/>
    <col min="15374" max="15605" width="9.140625" style="268"/>
    <col min="15606" max="15606" width="32" style="268" customWidth="1"/>
    <col min="15607" max="15607" width="9.140625" style="268"/>
    <col min="15608" max="15608" width="9.140625" style="268" customWidth="1"/>
    <col min="15609" max="15609" width="9.140625" style="268"/>
    <col min="15610" max="15610" width="9.140625" style="268" customWidth="1"/>
    <col min="15611" max="15611" width="7" style="268" customWidth="1"/>
    <col min="15612" max="15612" width="9.140625" style="268" customWidth="1"/>
    <col min="15613" max="15613" width="7.42578125" style="268" customWidth="1"/>
    <col min="15614" max="15614" width="9.140625" style="268" customWidth="1"/>
    <col min="15615" max="15615" width="7.42578125" style="268" customWidth="1"/>
    <col min="15616" max="15617" width="9.140625" style="268" customWidth="1"/>
    <col min="15618" max="15618" width="7.42578125" style="268" customWidth="1"/>
    <col min="15619" max="15619" width="9.140625" style="268" customWidth="1"/>
    <col min="15620" max="15620" width="7.85546875" style="268" customWidth="1"/>
    <col min="15621" max="15622" width="9.140625" style="268" customWidth="1"/>
    <col min="15623" max="15623" width="7.7109375" style="268" customWidth="1"/>
    <col min="15624" max="15624" width="9.140625" style="268" customWidth="1"/>
    <col min="15625" max="15625" width="7.5703125" style="268" customWidth="1"/>
    <col min="15626" max="15626" width="9.140625" style="268" customWidth="1"/>
    <col min="15627" max="15628" width="7.7109375" style="268" customWidth="1"/>
    <col min="15629" max="15629" width="8" style="268" customWidth="1"/>
    <col min="15630" max="15861" width="9.140625" style="268"/>
    <col min="15862" max="15862" width="32" style="268" customWidth="1"/>
    <col min="15863" max="15863" width="9.140625" style="268"/>
    <col min="15864" max="15864" width="9.140625" style="268" customWidth="1"/>
    <col min="15865" max="15865" width="9.140625" style="268"/>
    <col min="15866" max="15866" width="9.140625" style="268" customWidth="1"/>
    <col min="15867" max="15867" width="7" style="268" customWidth="1"/>
    <col min="15868" max="15868" width="9.140625" style="268" customWidth="1"/>
    <col min="15869" max="15869" width="7.42578125" style="268" customWidth="1"/>
    <col min="15870" max="15870" width="9.140625" style="268" customWidth="1"/>
    <col min="15871" max="15871" width="7.42578125" style="268" customWidth="1"/>
    <col min="15872" max="15873" width="9.140625" style="268" customWidth="1"/>
    <col min="15874" max="15874" width="7.42578125" style="268" customWidth="1"/>
    <col min="15875" max="15875" width="9.140625" style="268" customWidth="1"/>
    <col min="15876" max="15876" width="7.85546875" style="268" customWidth="1"/>
    <col min="15877" max="15878" width="9.140625" style="268" customWidth="1"/>
    <col min="15879" max="15879" width="7.7109375" style="268" customWidth="1"/>
    <col min="15880" max="15880" width="9.140625" style="268" customWidth="1"/>
    <col min="15881" max="15881" width="7.5703125" style="268" customWidth="1"/>
    <col min="15882" max="15882" width="9.140625" style="268" customWidth="1"/>
    <col min="15883" max="15884" width="7.7109375" style="268" customWidth="1"/>
    <col min="15885" max="15885" width="8" style="268" customWidth="1"/>
    <col min="15886" max="16117" width="9.140625" style="268"/>
    <col min="16118" max="16118" width="32" style="268" customWidth="1"/>
    <col min="16119" max="16119" width="9.140625" style="268"/>
    <col min="16120" max="16120" width="9.140625" style="268" customWidth="1"/>
    <col min="16121" max="16121" width="9.140625" style="268"/>
    <col min="16122" max="16122" width="9.140625" style="268" customWidth="1"/>
    <col min="16123" max="16123" width="7" style="268" customWidth="1"/>
    <col min="16124" max="16124" width="9.140625" style="268" customWidth="1"/>
    <col min="16125" max="16125" width="7.42578125" style="268" customWidth="1"/>
    <col min="16126" max="16126" width="9.140625" style="268" customWidth="1"/>
    <col min="16127" max="16127" width="7.42578125" style="268" customWidth="1"/>
    <col min="16128" max="16129" width="9.140625" style="268" customWidth="1"/>
    <col min="16130" max="16130" width="7.42578125" style="268" customWidth="1"/>
    <col min="16131" max="16131" width="9.140625" style="268" customWidth="1"/>
    <col min="16132" max="16132" width="7.85546875" style="268" customWidth="1"/>
    <col min="16133" max="16134" width="9.140625" style="268" customWidth="1"/>
    <col min="16135" max="16135" width="7.7109375" style="268" customWidth="1"/>
    <col min="16136" max="16136" width="9.140625" style="268" customWidth="1"/>
    <col min="16137" max="16137" width="7.5703125" style="268" customWidth="1"/>
    <col min="16138" max="16138" width="9.140625" style="268" customWidth="1"/>
    <col min="16139" max="16140" width="7.7109375" style="268" customWidth="1"/>
    <col min="16141" max="16141" width="8" style="268" customWidth="1"/>
    <col min="16142" max="16384" width="9.140625" style="268"/>
  </cols>
  <sheetData>
    <row r="1" spans="1:13" ht="10.5" x14ac:dyDescent="0.2">
      <c r="A1" s="375"/>
    </row>
    <row r="3" spans="1:13" ht="11.25" customHeight="1" x14ac:dyDescent="0.2">
      <c r="A3" s="1014" t="s">
        <v>638</v>
      </c>
      <c r="B3" s="1014"/>
      <c r="C3" s="1014"/>
      <c r="D3" s="1014"/>
      <c r="E3" s="1014"/>
      <c r="F3" s="1014"/>
      <c r="G3" s="1014"/>
      <c r="H3" s="1014"/>
      <c r="I3" s="1014"/>
      <c r="J3" s="1014"/>
      <c r="K3" s="1014"/>
      <c r="L3" s="1014"/>
      <c r="M3" s="377"/>
    </row>
    <row r="4" spans="1:13" ht="11.25" customHeight="1" x14ac:dyDescent="0.2">
      <c r="A4" s="1014" t="s">
        <v>105</v>
      </c>
      <c r="B4" s="1014"/>
      <c r="C4" s="1014"/>
      <c r="D4" s="1014"/>
      <c r="E4" s="1014"/>
      <c r="F4" s="1014"/>
      <c r="G4" s="1014"/>
      <c r="H4" s="1014"/>
      <c r="I4" s="1014"/>
      <c r="J4" s="1014"/>
      <c r="K4" s="1014"/>
      <c r="L4" s="1014"/>
      <c r="M4" s="377"/>
    </row>
    <row r="5" spans="1:13" ht="11.25" customHeight="1" x14ac:dyDescent="0.2">
      <c r="A5" s="1014" t="s">
        <v>807</v>
      </c>
      <c r="B5" s="1014"/>
      <c r="C5" s="1014"/>
      <c r="D5" s="1014"/>
      <c r="E5" s="1014"/>
      <c r="F5" s="1014"/>
      <c r="G5" s="1014"/>
      <c r="H5" s="1014"/>
      <c r="I5" s="1014"/>
      <c r="J5" s="1014"/>
      <c r="K5" s="1014"/>
      <c r="L5" s="1014"/>
      <c r="M5" s="377"/>
    </row>
    <row r="6" spans="1:13" ht="11.25" customHeight="1" x14ac:dyDescent="0.2">
      <c r="A6" s="1015" t="s">
        <v>107</v>
      </c>
      <c r="B6" s="1014"/>
      <c r="C6" s="1014"/>
      <c r="D6" s="1014"/>
      <c r="E6" s="1014"/>
      <c r="F6" s="1014"/>
      <c r="G6" s="1014"/>
      <c r="H6" s="1014"/>
      <c r="I6" s="1014"/>
      <c r="J6" s="1014"/>
      <c r="K6" s="1014"/>
      <c r="L6" s="1014"/>
      <c r="M6" s="377"/>
    </row>
    <row r="7" spans="1:13" ht="11.25" customHeight="1" x14ac:dyDescent="0.2">
      <c r="A7" s="1014" t="s">
        <v>891</v>
      </c>
      <c r="B7" s="1014"/>
      <c r="C7" s="1014"/>
      <c r="D7" s="1014"/>
      <c r="E7" s="1014"/>
      <c r="F7" s="1014"/>
      <c r="G7" s="1014"/>
      <c r="H7" s="1014"/>
      <c r="I7" s="1014"/>
      <c r="J7" s="1014"/>
      <c r="K7" s="1014"/>
      <c r="L7" s="1014"/>
      <c r="M7" s="377"/>
    </row>
    <row r="8" spans="1:13" ht="11.25" customHeight="1" x14ac:dyDescent="0.2">
      <c r="A8" s="1013"/>
      <c r="B8" s="1013"/>
      <c r="C8" s="1013"/>
      <c r="D8" s="1013"/>
      <c r="E8" s="1013"/>
      <c r="F8" s="1013"/>
      <c r="G8" s="1013"/>
      <c r="H8" s="1013"/>
      <c r="I8" s="1013"/>
      <c r="J8" s="1013"/>
      <c r="K8" s="1013"/>
      <c r="L8" s="1013"/>
      <c r="M8" s="377"/>
    </row>
    <row r="9" spans="1:13" ht="11.25" customHeight="1" x14ac:dyDescent="0.2">
      <c r="A9" s="1019" t="s">
        <v>808</v>
      </c>
      <c r="B9" s="1019"/>
      <c r="C9" s="1019"/>
      <c r="D9" s="1019"/>
      <c r="E9" s="376"/>
      <c r="F9" s="376"/>
      <c r="G9" s="376"/>
      <c r="H9" s="376"/>
      <c r="I9" s="376"/>
      <c r="J9" s="376"/>
      <c r="K9" s="1016">
        <v>1</v>
      </c>
      <c r="L9" s="1016"/>
      <c r="M9" s="377"/>
    </row>
    <row r="10" spans="1:13" s="221" customFormat="1" ht="12" customHeight="1" x14ac:dyDescent="0.2">
      <c r="A10" s="810" t="s">
        <v>173</v>
      </c>
      <c r="B10" s="779" t="s">
        <v>809</v>
      </c>
      <c r="C10" s="780"/>
      <c r="D10" s="781"/>
      <c r="E10" s="795" t="s">
        <v>874</v>
      </c>
      <c r="F10" s="730"/>
      <c r="G10" s="730"/>
      <c r="H10" s="730"/>
      <c r="I10" s="730"/>
      <c r="J10" s="731"/>
      <c r="K10" s="1017" t="s">
        <v>810</v>
      </c>
      <c r="L10" s="1018"/>
      <c r="M10" s="377"/>
    </row>
    <row r="11" spans="1:13" s="221" customFormat="1" ht="11.25" customHeight="1" x14ac:dyDescent="0.2">
      <c r="A11" s="802"/>
      <c r="B11" s="801" t="s">
        <v>811</v>
      </c>
      <c r="C11" s="809"/>
      <c r="D11" s="784"/>
      <c r="E11" s="793" t="s">
        <v>812</v>
      </c>
      <c r="F11" s="800"/>
      <c r="G11" s="810"/>
      <c r="H11" s="793" t="s">
        <v>813</v>
      </c>
      <c r="I11" s="800"/>
      <c r="J11" s="810"/>
      <c r="K11" s="804"/>
      <c r="L11" s="809"/>
      <c r="M11" s="377"/>
    </row>
    <row r="12" spans="1:13" s="221" customFormat="1" ht="11.25" customHeight="1" x14ac:dyDescent="0.2">
      <c r="A12" s="802"/>
      <c r="B12" s="801" t="s">
        <v>814</v>
      </c>
      <c r="C12" s="809"/>
      <c r="D12" s="784"/>
      <c r="E12" s="801"/>
      <c r="F12" s="1041"/>
      <c r="G12" s="802"/>
      <c r="H12" s="801"/>
      <c r="I12" s="1041"/>
      <c r="J12" s="802"/>
      <c r="K12" s="801" t="s">
        <v>815</v>
      </c>
      <c r="L12" s="1041"/>
      <c r="M12" s="377"/>
    </row>
    <row r="13" spans="1:13" s="221" customFormat="1" ht="21" customHeight="1" x14ac:dyDescent="0.2">
      <c r="A13" s="803"/>
      <c r="B13" s="794" t="s">
        <v>116</v>
      </c>
      <c r="C13" s="806"/>
      <c r="D13" s="785"/>
      <c r="E13" s="794"/>
      <c r="F13" s="816"/>
      <c r="G13" s="803"/>
      <c r="H13" s="806" t="s">
        <v>117</v>
      </c>
      <c r="I13" s="806"/>
      <c r="J13" s="785"/>
      <c r="K13" s="794"/>
      <c r="L13" s="816"/>
      <c r="M13" s="377"/>
    </row>
    <row r="14" spans="1:13" s="155" customFormat="1" ht="11.25" customHeight="1" x14ac:dyDescent="0.2">
      <c r="A14" s="378" t="s">
        <v>816</v>
      </c>
      <c r="B14" s="1020"/>
      <c r="C14" s="1021"/>
      <c r="D14" s="1022"/>
      <c r="E14" s="1021"/>
      <c r="F14" s="1021"/>
      <c r="G14" s="1022"/>
      <c r="H14" s="1021"/>
      <c r="I14" s="1021"/>
      <c r="J14" s="1022"/>
      <c r="K14" s="1020"/>
      <c r="L14" s="1021"/>
      <c r="M14" s="379"/>
    </row>
    <row r="15" spans="1:13" s="221" customFormat="1" ht="11.25" customHeight="1" x14ac:dyDescent="0.2">
      <c r="A15" s="54" t="s">
        <v>817</v>
      </c>
      <c r="B15" s="1023"/>
      <c r="C15" s="1024"/>
      <c r="D15" s="1025"/>
      <c r="E15" s="1026"/>
      <c r="F15" s="1024"/>
      <c r="G15" s="1025"/>
      <c r="H15" s="1026"/>
      <c r="I15" s="1024"/>
      <c r="J15" s="1025"/>
      <c r="K15" s="1023"/>
      <c r="L15" s="1026"/>
      <c r="M15" s="377"/>
    </row>
    <row r="16" spans="1:13" s="221" customFormat="1" ht="11.25" customHeight="1" x14ac:dyDescent="0.2">
      <c r="A16" s="54" t="s">
        <v>818</v>
      </c>
      <c r="B16" s="1023"/>
      <c r="C16" s="1024"/>
      <c r="D16" s="1025"/>
      <c r="E16" s="1026"/>
      <c r="F16" s="1024"/>
      <c r="G16" s="1025"/>
      <c r="H16" s="1026"/>
      <c r="I16" s="1024"/>
      <c r="J16" s="1025"/>
      <c r="K16" s="1023"/>
      <c r="L16" s="1026"/>
      <c r="M16" s="377"/>
    </row>
    <row r="17" spans="1:13" s="221" customFormat="1" ht="11.25" customHeight="1" x14ac:dyDescent="0.2">
      <c r="A17" s="54" t="s">
        <v>819</v>
      </c>
      <c r="B17" s="1027"/>
      <c r="C17" s="1028"/>
      <c r="D17" s="1029"/>
      <c r="E17" s="1028"/>
      <c r="F17" s="1028"/>
      <c r="G17" s="1029"/>
      <c r="H17" s="1028"/>
      <c r="I17" s="1028"/>
      <c r="J17" s="1029"/>
      <c r="K17" s="1027"/>
      <c r="L17" s="1028"/>
      <c r="M17" s="377"/>
    </row>
    <row r="18" spans="1:13" s="155" customFormat="1" ht="11.25" customHeight="1" x14ac:dyDescent="0.2">
      <c r="A18" s="378" t="s">
        <v>820</v>
      </c>
      <c r="B18" s="1020"/>
      <c r="C18" s="1021"/>
      <c r="D18" s="1022"/>
      <c r="E18" s="1021"/>
      <c r="F18" s="1021"/>
      <c r="G18" s="1022"/>
      <c r="H18" s="1021"/>
      <c r="I18" s="1021"/>
      <c r="J18" s="1022"/>
      <c r="K18" s="1020"/>
      <c r="L18" s="1021"/>
      <c r="M18" s="379"/>
    </row>
    <row r="19" spans="1:13" s="221" customFormat="1" ht="11.25" customHeight="1" x14ac:dyDescent="0.2">
      <c r="A19" s="54" t="s">
        <v>821</v>
      </c>
      <c r="B19" s="1023"/>
      <c r="C19" s="1024"/>
      <c r="D19" s="1025"/>
      <c r="E19" s="1026"/>
      <c r="F19" s="1024"/>
      <c r="G19" s="1025"/>
      <c r="H19" s="1026"/>
      <c r="I19" s="1024"/>
      <c r="J19" s="1025"/>
      <c r="K19" s="1023"/>
      <c r="L19" s="1026"/>
      <c r="M19" s="377"/>
    </row>
    <row r="20" spans="1:13" s="221" customFormat="1" ht="11.25" customHeight="1" x14ac:dyDescent="0.2">
      <c r="A20" s="54" t="s">
        <v>822</v>
      </c>
      <c r="B20" s="1023"/>
      <c r="C20" s="1024"/>
      <c r="D20" s="1025"/>
      <c r="E20" s="1026"/>
      <c r="F20" s="1024"/>
      <c r="G20" s="1025"/>
      <c r="H20" s="1026"/>
      <c r="I20" s="1024"/>
      <c r="J20" s="1025"/>
      <c r="K20" s="1023"/>
      <c r="L20" s="1026"/>
      <c r="M20" s="377"/>
    </row>
    <row r="21" spans="1:13" s="221" customFormat="1" ht="11.25" customHeight="1" x14ac:dyDescent="0.2">
      <c r="A21" s="54" t="s">
        <v>823</v>
      </c>
      <c r="B21" s="1027"/>
      <c r="C21" s="1028"/>
      <c r="D21" s="1029"/>
      <c r="E21" s="1028"/>
      <c r="F21" s="1028"/>
      <c r="G21" s="1029"/>
      <c r="H21" s="1028"/>
      <c r="I21" s="1028"/>
      <c r="J21" s="1029"/>
      <c r="K21" s="1027"/>
      <c r="L21" s="1028"/>
      <c r="M21" s="377"/>
    </row>
    <row r="22" spans="1:13" s="221" customFormat="1" ht="11.25" customHeight="1" x14ac:dyDescent="0.2">
      <c r="A22" s="380" t="s">
        <v>824</v>
      </c>
      <c r="B22" s="1030"/>
      <c r="C22" s="1031"/>
      <c r="D22" s="1032"/>
      <c r="E22" s="1031"/>
      <c r="F22" s="1031"/>
      <c r="G22" s="1032"/>
      <c r="H22" s="1031"/>
      <c r="I22" s="1031"/>
      <c r="J22" s="1032"/>
      <c r="K22" s="1030"/>
      <c r="L22" s="1031"/>
      <c r="M22" s="377"/>
    </row>
    <row r="23" spans="1:13" s="221" customFormat="1" ht="11.25" customHeight="1" x14ac:dyDescent="0.2">
      <c r="A23" s="381" t="s">
        <v>825</v>
      </c>
      <c r="B23" s="1030"/>
      <c r="C23" s="1031"/>
      <c r="D23" s="1032"/>
      <c r="E23" s="1031"/>
      <c r="F23" s="1031"/>
      <c r="G23" s="1032"/>
      <c r="H23" s="1031"/>
      <c r="I23" s="1031"/>
      <c r="J23" s="1032"/>
      <c r="K23" s="1030"/>
      <c r="L23" s="1031"/>
      <c r="M23" s="377"/>
    </row>
    <row r="24" spans="1:13" s="221" customFormat="1" ht="11.25" customHeight="1" x14ac:dyDescent="0.2">
      <c r="A24" s="382" t="s">
        <v>826</v>
      </c>
      <c r="B24" s="1033"/>
      <c r="C24" s="1034"/>
      <c r="D24" s="1035"/>
      <c r="E24" s="1034"/>
      <c r="F24" s="1034"/>
      <c r="G24" s="1035"/>
      <c r="H24" s="1034"/>
      <c r="I24" s="1034"/>
      <c r="J24" s="1035"/>
      <c r="K24" s="1033"/>
      <c r="L24" s="1034"/>
      <c r="M24" s="377"/>
    </row>
    <row r="25" spans="1:13" s="221" customFormat="1" ht="11.25" customHeight="1" x14ac:dyDescent="0.2">
      <c r="A25" s="54" t="s">
        <v>827</v>
      </c>
      <c r="B25" s="1023"/>
      <c r="C25" s="1024"/>
      <c r="D25" s="1025"/>
      <c r="E25" s="1026"/>
      <c r="F25" s="1024"/>
      <c r="G25" s="1025"/>
      <c r="H25" s="1026"/>
      <c r="I25" s="1024"/>
      <c r="J25" s="1025"/>
      <c r="K25" s="1023"/>
      <c r="L25" s="1026"/>
      <c r="M25" s="377"/>
    </row>
    <row r="26" spans="1:13" s="221" customFormat="1" ht="11.25" customHeight="1" x14ac:dyDescent="0.2">
      <c r="A26" s="54" t="s">
        <v>828</v>
      </c>
      <c r="B26" s="1023"/>
      <c r="C26" s="1024"/>
      <c r="D26" s="1025"/>
      <c r="E26" s="1026"/>
      <c r="F26" s="1024"/>
      <c r="G26" s="1025"/>
      <c r="H26" s="1026"/>
      <c r="I26" s="1024"/>
      <c r="J26" s="1025"/>
      <c r="K26" s="1023"/>
      <c r="L26" s="1026"/>
      <c r="M26" s="377"/>
    </row>
    <row r="27" spans="1:13" s="221" customFormat="1" ht="11.25" customHeight="1" x14ac:dyDescent="0.2">
      <c r="A27" s="383" t="s">
        <v>829</v>
      </c>
      <c r="B27" s="1027"/>
      <c r="C27" s="1028"/>
      <c r="D27" s="1029"/>
      <c r="E27" s="1028"/>
      <c r="F27" s="1028"/>
      <c r="G27" s="1029"/>
      <c r="H27" s="1028"/>
      <c r="I27" s="1028"/>
      <c r="J27" s="1029"/>
      <c r="K27" s="1027"/>
      <c r="L27" s="1028"/>
      <c r="M27" s="377"/>
    </row>
    <row r="28" spans="1:13" s="155" customFormat="1" ht="11.25" customHeight="1" x14ac:dyDescent="0.2">
      <c r="A28" s="382" t="s">
        <v>830</v>
      </c>
      <c r="B28" s="1020"/>
      <c r="C28" s="1021"/>
      <c r="D28" s="1022"/>
      <c r="E28" s="1021"/>
      <c r="F28" s="1021"/>
      <c r="G28" s="1022"/>
      <c r="H28" s="1021"/>
      <c r="I28" s="1021"/>
      <c r="J28" s="1022"/>
      <c r="K28" s="1020"/>
      <c r="L28" s="1021"/>
      <c r="M28" s="379"/>
    </row>
    <row r="29" spans="1:13" s="221" customFormat="1" ht="11.25" customHeight="1" x14ac:dyDescent="0.2">
      <c r="A29" s="54" t="s">
        <v>831</v>
      </c>
      <c r="B29" s="1023"/>
      <c r="C29" s="1024"/>
      <c r="D29" s="1025"/>
      <c r="E29" s="1026"/>
      <c r="F29" s="1024"/>
      <c r="G29" s="1025"/>
      <c r="H29" s="1026"/>
      <c r="I29" s="1024"/>
      <c r="J29" s="1025"/>
      <c r="K29" s="1023"/>
      <c r="L29" s="1026"/>
      <c r="M29" s="377"/>
    </row>
    <row r="30" spans="1:13" s="221" customFormat="1" ht="11.25" customHeight="1" x14ac:dyDescent="0.2">
      <c r="A30" s="383" t="s">
        <v>832</v>
      </c>
      <c r="B30" s="1027"/>
      <c r="C30" s="1028"/>
      <c r="D30" s="1029"/>
      <c r="E30" s="1028"/>
      <c r="F30" s="1028"/>
      <c r="G30" s="1029"/>
      <c r="H30" s="1028"/>
      <c r="I30" s="1028"/>
      <c r="J30" s="1029"/>
      <c r="K30" s="1027"/>
      <c r="L30" s="1028"/>
      <c r="M30" s="377"/>
    </row>
    <row r="31" spans="1:13" ht="11.25" customHeight="1" x14ac:dyDescent="0.2">
      <c r="A31" s="384"/>
      <c r="B31" s="384"/>
      <c r="C31" s="384"/>
      <c r="D31" s="384"/>
      <c r="E31" s="376"/>
      <c r="F31" s="376"/>
      <c r="G31" s="376"/>
      <c r="H31" s="376"/>
      <c r="I31" s="376"/>
      <c r="J31" s="376"/>
      <c r="K31" s="385"/>
      <c r="L31" s="385"/>
      <c r="M31" s="377"/>
    </row>
    <row r="32" spans="1:13" ht="15" customHeight="1" x14ac:dyDescent="0.2">
      <c r="A32" s="371"/>
      <c r="B32" s="373" t="s">
        <v>833</v>
      </c>
      <c r="C32" s="373" t="s">
        <v>834</v>
      </c>
      <c r="D32" s="791">
        <v>2017</v>
      </c>
      <c r="E32" s="791">
        <v>2018</v>
      </c>
      <c r="F32" s="791">
        <v>2019</v>
      </c>
      <c r="G32" s="791">
        <v>2020</v>
      </c>
      <c r="H32" s="791">
        <v>2021</v>
      </c>
      <c r="I32" s="791">
        <v>2022</v>
      </c>
      <c r="J32" s="791">
        <v>2023</v>
      </c>
      <c r="K32" s="791">
        <v>2024</v>
      </c>
      <c r="L32" s="793">
        <v>2025</v>
      </c>
      <c r="M32" s="386"/>
    </row>
    <row r="33" spans="1:13" ht="11.25" customHeight="1" x14ac:dyDescent="0.2">
      <c r="A33" s="374" t="s">
        <v>835</v>
      </c>
      <c r="B33" s="369" t="s">
        <v>836</v>
      </c>
      <c r="C33" s="369" t="s">
        <v>837</v>
      </c>
      <c r="D33" s="1042"/>
      <c r="E33" s="1042"/>
      <c r="F33" s="1037"/>
      <c r="G33" s="1037"/>
      <c r="H33" s="1037"/>
      <c r="I33" s="1037"/>
      <c r="J33" s="1037"/>
      <c r="K33" s="1037"/>
      <c r="L33" s="1039"/>
      <c r="M33" s="386"/>
    </row>
    <row r="34" spans="1:13" ht="15" customHeight="1" x14ac:dyDescent="0.2">
      <c r="A34" s="372"/>
      <c r="B34" s="370"/>
      <c r="C34" s="370">
        <v>2016</v>
      </c>
      <c r="D34" s="792"/>
      <c r="E34" s="792"/>
      <c r="F34" s="1038"/>
      <c r="G34" s="1038"/>
      <c r="H34" s="1038"/>
      <c r="I34" s="1038"/>
      <c r="J34" s="1038"/>
      <c r="K34" s="1038"/>
      <c r="L34" s="1040"/>
      <c r="M34" s="386"/>
    </row>
    <row r="35" spans="1:13" ht="11.25" customHeight="1" x14ac:dyDescent="0.2">
      <c r="A35" s="268" t="s">
        <v>838</v>
      </c>
      <c r="B35" s="610"/>
      <c r="C35" s="610"/>
      <c r="D35" s="610"/>
      <c r="E35" s="610"/>
      <c r="F35" s="610"/>
      <c r="G35" s="610"/>
      <c r="H35" s="610"/>
      <c r="I35" s="610"/>
      <c r="J35" s="610"/>
      <c r="K35" s="611"/>
      <c r="L35" s="612"/>
      <c r="M35" s="387"/>
    </row>
    <row r="36" spans="1:13" ht="11.25" customHeight="1" x14ac:dyDescent="0.2">
      <c r="A36" s="54"/>
      <c r="B36" s="610"/>
      <c r="C36" s="610"/>
      <c r="D36" s="610"/>
      <c r="E36" s="610"/>
      <c r="F36" s="610"/>
      <c r="G36" s="610"/>
      <c r="H36" s="610"/>
      <c r="I36" s="610"/>
      <c r="J36" s="610"/>
      <c r="K36" s="611"/>
      <c r="L36" s="612"/>
      <c r="M36" s="387"/>
    </row>
    <row r="37" spans="1:13" ht="11.25" customHeight="1" x14ac:dyDescent="0.2">
      <c r="A37" s="268" t="s">
        <v>839</v>
      </c>
      <c r="B37" s="610"/>
      <c r="C37" s="610"/>
      <c r="D37" s="610"/>
      <c r="E37" s="610"/>
      <c r="F37" s="610"/>
      <c r="G37" s="610"/>
      <c r="H37" s="610"/>
      <c r="I37" s="610"/>
      <c r="J37" s="610"/>
      <c r="K37" s="611"/>
      <c r="L37" s="612"/>
      <c r="M37" s="387"/>
    </row>
    <row r="38" spans="1:13" ht="11.25" customHeight="1" x14ac:dyDescent="0.2">
      <c r="A38" s="54"/>
      <c r="B38" s="610"/>
      <c r="C38" s="610"/>
      <c r="D38" s="610"/>
      <c r="E38" s="610"/>
      <c r="F38" s="610"/>
      <c r="G38" s="610"/>
      <c r="H38" s="610"/>
      <c r="I38" s="610"/>
      <c r="J38" s="610"/>
      <c r="K38" s="611"/>
      <c r="L38" s="612"/>
      <c r="M38" s="387"/>
    </row>
    <row r="39" spans="1:13" ht="11.25" customHeight="1" x14ac:dyDescent="0.2">
      <c r="A39" s="380" t="s">
        <v>840</v>
      </c>
      <c r="B39" s="476"/>
      <c r="C39" s="476"/>
      <c r="D39" s="476"/>
      <c r="E39" s="476"/>
      <c r="F39" s="476"/>
      <c r="G39" s="476"/>
      <c r="H39" s="476"/>
      <c r="I39" s="476"/>
      <c r="J39" s="476"/>
      <c r="K39" s="613"/>
      <c r="L39" s="614"/>
      <c r="M39" s="387"/>
    </row>
    <row r="40" spans="1:13" ht="15.75" customHeight="1" x14ac:dyDescent="0.2">
      <c r="A40" s="381" t="s">
        <v>841</v>
      </c>
      <c r="B40" s="476"/>
      <c r="C40" s="476">
        <v>9027525808.7059975</v>
      </c>
      <c r="D40" s="476"/>
      <c r="E40" s="476"/>
      <c r="F40" s="476"/>
      <c r="G40" s="476"/>
      <c r="H40" s="476"/>
      <c r="I40" s="476"/>
      <c r="J40" s="476"/>
      <c r="K40" s="615"/>
      <c r="L40" s="614"/>
      <c r="M40" s="387"/>
    </row>
    <row r="41" spans="1:13" ht="11.25" customHeight="1" x14ac:dyDescent="0.2">
      <c r="A41" s="381" t="s">
        <v>842</v>
      </c>
      <c r="B41" s="476"/>
      <c r="C41" s="476"/>
      <c r="D41" s="476"/>
      <c r="E41" s="476"/>
      <c r="F41" s="476"/>
      <c r="G41" s="476"/>
      <c r="H41" s="476"/>
      <c r="I41" s="476"/>
      <c r="J41" s="476"/>
      <c r="K41" s="615"/>
      <c r="L41" s="614"/>
      <c r="M41" s="387"/>
    </row>
    <row r="42" spans="1:13" ht="11.25" customHeight="1" x14ac:dyDescent="0.2">
      <c r="A42" s="388" t="s">
        <v>843</v>
      </c>
      <c r="B42" s="389"/>
      <c r="C42" s="389"/>
      <c r="D42" s="389"/>
      <c r="E42" s="389"/>
      <c r="F42" s="389"/>
      <c r="G42" s="389"/>
      <c r="H42" s="389"/>
      <c r="I42" s="389"/>
      <c r="J42" s="389"/>
      <c r="K42" s="389"/>
      <c r="L42" s="389"/>
      <c r="M42" s="390"/>
    </row>
    <row r="43" spans="1:13" ht="10.5" x14ac:dyDescent="0.2">
      <c r="A43" s="101" t="s">
        <v>848</v>
      </c>
      <c r="B43" s="17"/>
      <c r="C43" s="17"/>
      <c r="D43" s="17"/>
      <c r="E43" s="17"/>
      <c r="F43" s="17"/>
      <c r="G43" s="17"/>
      <c r="H43" s="17"/>
      <c r="I43" s="17"/>
      <c r="J43" s="1036"/>
      <c r="K43" s="1036"/>
      <c r="L43" s="1036"/>
      <c r="M43" s="56"/>
    </row>
    <row r="44" spans="1:13" ht="11.25" customHeight="1" x14ac:dyDescent="0.2">
      <c r="A44" s="221"/>
    </row>
    <row r="52" s="45" customFormat="1" ht="11.25" customHeight="1" x14ac:dyDescent="0.2"/>
    <row r="53" s="45" customFormat="1" ht="11.25" customHeight="1" x14ac:dyDescent="0.2"/>
    <row r="54" s="45" customFormat="1" ht="11.25" customHeight="1" x14ac:dyDescent="0.2"/>
    <row r="55" s="45" customFormat="1" ht="11.25" customHeight="1" x14ac:dyDescent="0.2"/>
    <row r="56" s="45" customFormat="1" ht="11.25" customHeight="1" x14ac:dyDescent="0.2"/>
    <row r="57" s="45" customFormat="1" ht="11.25" customHeight="1" x14ac:dyDescent="0.2"/>
    <row r="58" s="45" customFormat="1" ht="11.25" customHeight="1" x14ac:dyDescent="0.2"/>
  </sheetData>
  <customSheetViews>
    <customSheetView guid="{C779D862-DE28-46CD-A428-4AAA1056D1E1}" showPageBreaks="1" showGridLines="0" fitToPage="1" printArea="1">
      <selection activeCell="A7" sqref="A7:E7"/>
      <pageMargins left="0.19685039370078741" right="0.19685039370078741" top="0.59055118110236227" bottom="0.19685039370078741" header="0" footer="0"/>
      <printOptions horizontalCentered="1"/>
      <pageSetup paperSize="9" scale="70" orientation="portrait" r:id="rId1"/>
    </customSheetView>
    <customSheetView guid="{3AAF6A5F-F9AA-430B-9AD9-1261ECDF41B5}" showPageBreaks="1" showGridLines="0" fitToPage="1" printArea="1" topLeftCell="A37">
      <selection activeCell="E126" sqref="E126"/>
      <pageMargins left="0.19685039370078741" right="0.19685039370078741" top="0.59055118110236227" bottom="0.19685039370078741" header="0" footer="0"/>
      <printOptions horizontalCentered="1"/>
      <pageSetup paperSize="9" scale="70" orientation="portrait" r:id="rId2"/>
    </customSheetView>
    <customSheetView guid="{25EF1E0D-169B-4051-B414-7E1196FC05E4}" showPageBreaks="1" showGridLines="0" fitToPage="1" printArea="1">
      <selection activeCell="M83" sqref="M83"/>
      <pageMargins left="0.19685039370078741" right="0.19685039370078741" top="0.59055118110236227" bottom="0.19685039370078741" header="0" footer="0"/>
      <printOptions horizontalCentered="1"/>
      <pageSetup paperSize="9" scale="71" orientation="portrait" r:id="rId3"/>
    </customSheetView>
    <customSheetView guid="{82EDB5A4-4824-4632-A540-7A52C92F04C7}" showPageBreaks="1" showGridLines="0" fitToPage="1" printArea="1">
      <selection activeCell="M83" sqref="M83"/>
      <pageMargins left="0.19685039370078741" right="0.19685039370078741" top="0.59055118110236227" bottom="0.19685039370078741" header="0" footer="0"/>
      <printOptions horizontalCentered="1"/>
      <pageSetup paperSize="9" scale="71" orientation="portrait" r:id="rId4"/>
    </customSheetView>
    <customSheetView guid="{15F968AB-9DD6-4E60-9FDC-FEF44C5FFDCB}" showPageBreaks="1" showGridLines="0" fitToPage="1" printArea="1" topLeftCell="A19">
      <selection activeCell="A3" sqref="A3:L3"/>
      <pageMargins left="0.19685039370078741" right="0.19685039370078741" top="0.59055118110236227" bottom="0.19685039370078741" header="0" footer="0"/>
      <printOptions horizontalCentered="1"/>
      <pageSetup paperSize="9" scale="70" orientation="portrait" r:id="rId5"/>
    </customSheetView>
    <customSheetView guid="{B4FED47C-EE37-4843-A570-282D4F8229D4}" showGridLines="0" fitToPage="1">
      <selection activeCell="A8" sqref="A8:L8"/>
      <pageMargins left="0.19685039370078741" right="0.19685039370078741" top="0.59055118110236227" bottom="0.19685039370078741" header="0" footer="0"/>
      <printOptions horizontalCentered="1"/>
      <pageSetup paperSize="9" scale="70" orientation="portrait" r:id="rId6"/>
    </customSheetView>
    <customSheetView guid="{6DBFA32C-4AA4-4E1D-9A48-697377C64CC3}" showPageBreaks="1" showGridLines="0" fitToPage="1" printArea="1" topLeftCell="A22">
      <selection activeCell="C40" sqref="C40"/>
      <pageMargins left="0.19685039370078741" right="0.19685039370078741" top="0.59055118110236227" bottom="0.19685039370078741" header="0" footer="0"/>
      <printOptions horizontalCentered="1"/>
      <pageSetup paperSize="9" scale="71" orientation="portrait" r:id="rId7"/>
    </customSheetView>
    <customSheetView guid="{09DEEE52-8A8D-4F12-80E3-55185B30DF10}" showGridLines="0" fitToPage="1">
      <pageMargins left="0.19685039370078741" right="0.19685039370078741" top="0.59055118110236227" bottom="0.19685039370078741" header="0" footer="0"/>
      <printOptions horizontalCentered="1"/>
      <pageSetup paperSize="9" scale="70" orientation="portrait" r:id="rId8"/>
    </customSheetView>
  </customSheetViews>
  <mergeCells count="97">
    <mergeCell ref="J43:L43"/>
    <mergeCell ref="K32:K34"/>
    <mergeCell ref="L32:L34"/>
    <mergeCell ref="A10:A13"/>
    <mergeCell ref="H11:J12"/>
    <mergeCell ref="K12:L13"/>
    <mergeCell ref="E11:G13"/>
    <mergeCell ref="D32:D34"/>
    <mergeCell ref="E32:E34"/>
    <mergeCell ref="F32:F34"/>
    <mergeCell ref="G32:G34"/>
    <mergeCell ref="H32:H34"/>
    <mergeCell ref="I32:I34"/>
    <mergeCell ref="J32:J34"/>
    <mergeCell ref="B30:D30"/>
    <mergeCell ref="E30:G30"/>
    <mergeCell ref="H30:J30"/>
    <mergeCell ref="K30:L30"/>
    <mergeCell ref="B28:D28"/>
    <mergeCell ref="E28:G28"/>
    <mergeCell ref="H28:J28"/>
    <mergeCell ref="K28:L28"/>
    <mergeCell ref="B29:D29"/>
    <mergeCell ref="E29:G29"/>
    <mergeCell ref="H29:J29"/>
    <mergeCell ref="K29:L29"/>
    <mergeCell ref="B26:D26"/>
    <mergeCell ref="E26:G26"/>
    <mergeCell ref="H26:J26"/>
    <mergeCell ref="K26:L26"/>
    <mergeCell ref="B27:D27"/>
    <mergeCell ref="E27:G27"/>
    <mergeCell ref="H27:J27"/>
    <mergeCell ref="K27:L27"/>
    <mergeCell ref="B24:D24"/>
    <mergeCell ref="E24:G24"/>
    <mergeCell ref="H24:J24"/>
    <mergeCell ref="K24:L24"/>
    <mergeCell ref="B25:D25"/>
    <mergeCell ref="E25:G25"/>
    <mergeCell ref="H25:J25"/>
    <mergeCell ref="K25:L25"/>
    <mergeCell ref="B22:D22"/>
    <mergeCell ref="E22:G22"/>
    <mergeCell ref="H22:J22"/>
    <mergeCell ref="K22:L22"/>
    <mergeCell ref="B23:D23"/>
    <mergeCell ref="E23:G23"/>
    <mergeCell ref="H23:J23"/>
    <mergeCell ref="K23:L23"/>
    <mergeCell ref="B20:D20"/>
    <mergeCell ref="E20:G20"/>
    <mergeCell ref="H20:J20"/>
    <mergeCell ref="K20:L20"/>
    <mergeCell ref="B21:D21"/>
    <mergeCell ref="E21:G21"/>
    <mergeCell ref="H21:J21"/>
    <mergeCell ref="K21:L21"/>
    <mergeCell ref="B18:D18"/>
    <mergeCell ref="E18:G18"/>
    <mergeCell ref="H18:J18"/>
    <mergeCell ref="K18:L18"/>
    <mergeCell ref="B19:D19"/>
    <mergeCell ref="E19:G19"/>
    <mergeCell ref="H19:J19"/>
    <mergeCell ref="K19:L19"/>
    <mergeCell ref="B16:D16"/>
    <mergeCell ref="E16:G16"/>
    <mergeCell ref="H16:J16"/>
    <mergeCell ref="K16:L16"/>
    <mergeCell ref="B17:D17"/>
    <mergeCell ref="E17:G17"/>
    <mergeCell ref="H17:J17"/>
    <mergeCell ref="K17:L17"/>
    <mergeCell ref="B14:D14"/>
    <mergeCell ref="E14:G14"/>
    <mergeCell ref="H14:J14"/>
    <mergeCell ref="K14:L14"/>
    <mergeCell ref="B15:D15"/>
    <mergeCell ref="E15:G15"/>
    <mergeCell ref="H15:J15"/>
    <mergeCell ref="K15:L15"/>
    <mergeCell ref="B12:D12"/>
    <mergeCell ref="B13:D13"/>
    <mergeCell ref="H13:J13"/>
    <mergeCell ref="K9:L9"/>
    <mergeCell ref="B10:D10"/>
    <mergeCell ref="E10:J10"/>
    <mergeCell ref="K10:L11"/>
    <mergeCell ref="B11:D11"/>
    <mergeCell ref="A9:D9"/>
    <mergeCell ref="A8:L8"/>
    <mergeCell ref="A3:L3"/>
    <mergeCell ref="A4:L4"/>
    <mergeCell ref="A5:L5"/>
    <mergeCell ref="A6:L6"/>
    <mergeCell ref="A7:L7"/>
  </mergeCells>
  <printOptions horizontalCentered="1"/>
  <pageMargins left="0.19685039370078741" right="0.19685039370078741" top="0.59055118110236227" bottom="0.19685039370078741" header="0" footer="0"/>
  <pageSetup paperSize="9" scale="70" orientation="portrait" r:id="rId9"/>
  <drawing r:id="rId10"/>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27">
    <pageSetUpPr fitToPage="1"/>
  </sheetPr>
  <dimension ref="A1:U113"/>
  <sheetViews>
    <sheetView showGridLines="0" tabSelected="1" zoomScaleNormal="100" workbookViewId="0"/>
  </sheetViews>
  <sheetFormatPr defaultColWidth="1" defaultRowHeight="11.25" customHeight="1" x14ac:dyDescent="0.2"/>
  <cols>
    <col min="1" max="1" width="92.5703125" style="1" customWidth="1"/>
    <col min="2" max="2" width="18.7109375" style="1" customWidth="1"/>
    <col min="3" max="3" width="19.140625" style="67" customWidth="1"/>
    <col min="4" max="6" width="17.28515625" style="1" bestFit="1" customWidth="1"/>
    <col min="7" max="59" width="15.7109375" style="1" customWidth="1"/>
    <col min="60" max="16384" width="1" style="1"/>
  </cols>
  <sheetData>
    <row r="1" spans="1:13" s="26" customFormat="1" ht="10.5" x14ac:dyDescent="0.2">
      <c r="A1" s="294"/>
      <c r="B1" s="294"/>
      <c r="C1" s="294"/>
      <c r="D1" s="294"/>
      <c r="E1" s="294"/>
    </row>
    <row r="2" spans="1:13" s="26" customFormat="1" ht="11.25" customHeight="1" x14ac:dyDescent="0.2">
      <c r="A2" s="130"/>
    </row>
    <row r="3" spans="1:13" s="45" customFormat="1" ht="11.25" customHeight="1" x14ac:dyDescent="0.2">
      <c r="A3" s="1001" t="s">
        <v>638</v>
      </c>
      <c r="B3" s="1001"/>
      <c r="C3" s="1001"/>
      <c r="D3" s="1001"/>
      <c r="E3" s="1001"/>
      <c r="F3" s="283"/>
      <c r="G3" s="283"/>
      <c r="H3" s="283"/>
      <c r="I3" s="283"/>
      <c r="J3" s="283"/>
      <c r="K3" s="283"/>
      <c r="L3" s="283"/>
      <c r="M3" s="283"/>
    </row>
    <row r="4" spans="1:13" s="45" customFormat="1" ht="11.25" customHeight="1" x14ac:dyDescent="0.2">
      <c r="A4" s="720" t="s">
        <v>251</v>
      </c>
      <c r="B4" s="720"/>
      <c r="C4" s="720"/>
      <c r="D4" s="720"/>
      <c r="E4" s="720"/>
    </row>
    <row r="5" spans="1:13" s="45" customFormat="1" ht="11.25" customHeight="1" x14ac:dyDescent="0.2">
      <c r="A5" s="1001" t="s">
        <v>106</v>
      </c>
      <c r="B5" s="1001"/>
      <c r="C5" s="1001"/>
      <c r="D5" s="1001"/>
      <c r="E5" s="1001"/>
    </row>
    <row r="6" spans="1:13" s="45" customFormat="1" ht="11.25" customHeight="1" x14ac:dyDescent="0.2">
      <c r="A6" s="1001" t="s">
        <v>107</v>
      </c>
      <c r="B6" s="1001"/>
      <c r="C6" s="1001"/>
      <c r="D6" s="1001"/>
      <c r="E6" s="1001"/>
    </row>
    <row r="7" spans="1:13" s="45" customFormat="1" ht="11.25" customHeight="1" x14ac:dyDescent="0.2">
      <c r="A7" s="1001" t="s">
        <v>891</v>
      </c>
      <c r="B7" s="1001"/>
      <c r="C7" s="1001"/>
      <c r="D7" s="1001"/>
      <c r="E7" s="1001"/>
    </row>
    <row r="8" spans="1:13" s="45" customFormat="1" ht="11.25" customHeight="1" x14ac:dyDescent="0.2">
      <c r="A8" s="254"/>
      <c r="B8" s="254"/>
      <c r="C8" s="254"/>
      <c r="D8" s="254"/>
      <c r="E8" s="254"/>
    </row>
    <row r="9" spans="1:13" s="26" customFormat="1" ht="11.25" customHeight="1" x14ac:dyDescent="0.2">
      <c r="A9" s="26" t="s">
        <v>806</v>
      </c>
      <c r="B9" s="132"/>
      <c r="E9" s="229">
        <v>1</v>
      </c>
    </row>
    <row r="10" spans="1:13" s="26" customFormat="1" ht="21" customHeight="1" x14ac:dyDescent="0.2">
      <c r="A10" s="133" t="s">
        <v>106</v>
      </c>
      <c r="B10" s="1043" t="s">
        <v>115</v>
      </c>
      <c r="C10" s="1044"/>
      <c r="D10" s="1044"/>
      <c r="E10" s="1044"/>
    </row>
    <row r="11" spans="1:13" s="66" customFormat="1" ht="11.25" customHeight="1" x14ac:dyDescent="0.2">
      <c r="A11" s="160" t="s">
        <v>110</v>
      </c>
      <c r="B11" s="718"/>
      <c r="C11" s="751"/>
      <c r="D11" s="751"/>
      <c r="E11" s="751"/>
    </row>
    <row r="12" spans="1:13" ht="11.25" customHeight="1" x14ac:dyDescent="0.2">
      <c r="A12" s="22" t="s">
        <v>314</v>
      </c>
      <c r="B12" s="704">
        <v>13926525000</v>
      </c>
      <c r="C12" s="752"/>
      <c r="D12" s="752"/>
      <c r="E12" s="752"/>
    </row>
    <row r="13" spans="1:13" ht="11.25" customHeight="1" x14ac:dyDescent="0.2">
      <c r="A13" s="22" t="s">
        <v>315</v>
      </c>
      <c r="B13" s="704">
        <v>14252860106.429998</v>
      </c>
      <c r="C13" s="752"/>
      <c r="D13" s="752"/>
      <c r="E13" s="752"/>
    </row>
    <row r="14" spans="1:13" ht="11.25" customHeight="1" x14ac:dyDescent="0.2">
      <c r="A14" s="22" t="s">
        <v>61</v>
      </c>
      <c r="B14" s="704">
        <v>7574981710.3199997</v>
      </c>
      <c r="C14" s="752"/>
      <c r="D14" s="752"/>
      <c r="E14" s="752"/>
    </row>
    <row r="15" spans="1:13" ht="11.25" customHeight="1" x14ac:dyDescent="0.2">
      <c r="A15" s="22" t="s">
        <v>62</v>
      </c>
      <c r="B15" s="704">
        <v>200139269.84000015</v>
      </c>
      <c r="C15" s="752"/>
      <c r="D15" s="752"/>
      <c r="E15" s="752"/>
    </row>
    <row r="16" spans="1:13" ht="11.25" customHeight="1" x14ac:dyDescent="0.2">
      <c r="A16" s="22" t="s">
        <v>63</v>
      </c>
      <c r="B16" s="704">
        <v>0</v>
      </c>
      <c r="C16" s="752"/>
      <c r="D16" s="752"/>
      <c r="E16" s="752"/>
    </row>
    <row r="17" spans="1:5" s="66" customFormat="1" ht="11.25" customHeight="1" x14ac:dyDescent="0.2">
      <c r="A17" s="160" t="s">
        <v>160</v>
      </c>
      <c r="B17" s="704"/>
      <c r="C17" s="752"/>
      <c r="D17" s="752"/>
      <c r="E17" s="752"/>
    </row>
    <row r="18" spans="1:5" ht="11.25" customHeight="1" x14ac:dyDescent="0.2">
      <c r="A18" s="20" t="s">
        <v>64</v>
      </c>
      <c r="B18" s="704">
        <v>13926525000</v>
      </c>
      <c r="C18" s="752"/>
      <c r="D18" s="752"/>
      <c r="E18" s="752"/>
    </row>
    <row r="19" spans="1:5" ht="11.25" customHeight="1" x14ac:dyDescent="0.2">
      <c r="A19" s="20" t="s">
        <v>69</v>
      </c>
      <c r="B19" s="704">
        <v>1265579219.9999981</v>
      </c>
      <c r="C19" s="752"/>
      <c r="D19" s="752"/>
      <c r="E19" s="752"/>
    </row>
    <row r="20" spans="1:5" ht="11.25" customHeight="1" x14ac:dyDescent="0.2">
      <c r="A20" s="20" t="s">
        <v>65</v>
      </c>
      <c r="B20" s="704">
        <v>15192104219.999998</v>
      </c>
      <c r="C20" s="752"/>
      <c r="D20" s="752"/>
      <c r="E20" s="752"/>
    </row>
    <row r="21" spans="1:5" ht="11.25" customHeight="1" x14ac:dyDescent="0.2">
      <c r="A21" s="20" t="s">
        <v>66</v>
      </c>
      <c r="B21" s="704">
        <v>11309343417.66</v>
      </c>
      <c r="C21" s="752"/>
      <c r="D21" s="752"/>
      <c r="E21" s="752"/>
    </row>
    <row r="22" spans="1:5" ht="11.25" customHeight="1" x14ac:dyDescent="0.2">
      <c r="A22" s="22" t="s">
        <v>67</v>
      </c>
      <c r="B22" s="704">
        <v>7775120980.1599998</v>
      </c>
      <c r="C22" s="752"/>
      <c r="D22" s="752"/>
      <c r="E22" s="752"/>
    </row>
    <row r="23" spans="1:5" ht="11.25" customHeight="1" x14ac:dyDescent="0.2">
      <c r="A23" s="20" t="s">
        <v>550</v>
      </c>
      <c r="B23" s="704">
        <v>7488211252.0199995</v>
      </c>
      <c r="C23" s="752"/>
      <c r="D23" s="752"/>
      <c r="E23" s="752"/>
    </row>
    <row r="24" spans="1:5" ht="11.25" customHeight="1" x14ac:dyDescent="0.2">
      <c r="A24" s="68" t="s">
        <v>68</v>
      </c>
      <c r="B24" s="714">
        <v>0</v>
      </c>
      <c r="C24" s="753"/>
      <c r="D24" s="753"/>
      <c r="E24" s="753"/>
    </row>
    <row r="25" spans="1:5" s="221" customFormat="1" ht="6" customHeight="1" x14ac:dyDescent="0.2">
      <c r="A25" s="68"/>
      <c r="B25" s="653"/>
      <c r="C25" s="653"/>
      <c r="D25" s="653"/>
      <c r="E25" s="653"/>
    </row>
    <row r="26" spans="1:5" ht="21" customHeight="1" x14ac:dyDescent="0.2">
      <c r="A26" s="38" t="s">
        <v>254</v>
      </c>
      <c r="B26" s="729" t="s">
        <v>115</v>
      </c>
      <c r="C26" s="730"/>
      <c r="D26" s="730"/>
      <c r="E26" s="730"/>
    </row>
    <row r="27" spans="1:5" ht="11.25" customHeight="1" x14ac:dyDescent="0.2">
      <c r="A27" s="20" t="s">
        <v>252</v>
      </c>
      <c r="B27" s="712">
        <v>11309343417.66</v>
      </c>
      <c r="C27" s="767"/>
      <c r="D27" s="767"/>
      <c r="E27" s="767"/>
    </row>
    <row r="28" spans="1:5" ht="11.25" customHeight="1" x14ac:dyDescent="0.2">
      <c r="A28" s="69" t="s">
        <v>253</v>
      </c>
      <c r="B28" s="714">
        <v>7775120980.1599998</v>
      </c>
      <c r="C28" s="753"/>
      <c r="D28" s="753"/>
      <c r="E28" s="753"/>
    </row>
    <row r="29" spans="1:5" s="268" customFormat="1" ht="6" customHeight="1" x14ac:dyDescent="0.2">
      <c r="A29" s="68"/>
      <c r="B29" s="653"/>
      <c r="C29" s="653"/>
      <c r="D29" s="653"/>
      <c r="E29" s="653"/>
    </row>
    <row r="30" spans="1:5" ht="23.25" customHeight="1" x14ac:dyDescent="0.2">
      <c r="A30" s="37" t="s">
        <v>255</v>
      </c>
      <c r="B30" s="730" t="s">
        <v>115</v>
      </c>
      <c r="C30" s="730"/>
      <c r="D30" s="730"/>
      <c r="E30" s="730"/>
    </row>
    <row r="31" spans="1:5" ht="15" customHeight="1" x14ac:dyDescent="0.2">
      <c r="A31" s="25" t="s">
        <v>256</v>
      </c>
      <c r="B31" s="1053">
        <v>9027525808.7059975</v>
      </c>
      <c r="C31" s="1054"/>
      <c r="D31" s="1054"/>
      <c r="E31" s="1054"/>
    </row>
    <row r="32" spans="1:5" ht="6" customHeight="1" x14ac:dyDescent="0.2">
      <c r="A32" s="20"/>
      <c r="B32" s="70"/>
      <c r="C32" s="71"/>
      <c r="D32" s="28"/>
    </row>
    <row r="33" spans="1:5" ht="21.75" customHeight="1" x14ac:dyDescent="0.2">
      <c r="A33" s="38" t="s">
        <v>70</v>
      </c>
      <c r="B33" s="729" t="s">
        <v>115</v>
      </c>
      <c r="C33" s="730"/>
      <c r="D33" s="730"/>
      <c r="E33" s="730"/>
    </row>
    <row r="34" spans="1:5" s="230" customFormat="1" ht="11.25" customHeight="1" x14ac:dyDescent="0.2">
      <c r="A34" s="155" t="s">
        <v>257</v>
      </c>
      <c r="B34" s="1055"/>
      <c r="C34" s="1056"/>
      <c r="D34" s="1056"/>
      <c r="E34" s="1056"/>
    </row>
    <row r="35" spans="1:5" ht="11.25" customHeight="1" x14ac:dyDescent="0.2">
      <c r="A35" s="20" t="s">
        <v>71</v>
      </c>
      <c r="B35" s="1057"/>
      <c r="C35" s="1058"/>
      <c r="D35" s="1058"/>
      <c r="E35" s="1058"/>
    </row>
    <row r="36" spans="1:5" ht="11.25" customHeight="1" x14ac:dyDescent="0.2">
      <c r="A36" s="20" t="s">
        <v>72</v>
      </c>
      <c r="B36" s="1057"/>
      <c r="C36" s="1058"/>
      <c r="D36" s="1058"/>
      <c r="E36" s="1058"/>
    </row>
    <row r="37" spans="1:5" ht="11.25" customHeight="1" x14ac:dyDescent="0.2">
      <c r="A37" s="20" t="s">
        <v>103</v>
      </c>
      <c r="B37" s="1057"/>
      <c r="C37" s="1058"/>
      <c r="D37" s="1058"/>
      <c r="E37" s="1058"/>
    </row>
    <row r="38" spans="1:5" ht="11.25" customHeight="1" x14ac:dyDescent="0.2">
      <c r="A38" s="155" t="s">
        <v>316</v>
      </c>
      <c r="B38" s="1057"/>
      <c r="C38" s="1058"/>
      <c r="D38" s="1058"/>
      <c r="E38" s="1058"/>
    </row>
    <row r="39" spans="1:5" s="66" customFormat="1" ht="11.25" customHeight="1" x14ac:dyDescent="0.2">
      <c r="A39" s="221" t="s">
        <v>73</v>
      </c>
      <c r="B39" s="1057">
        <v>690154130.68999994</v>
      </c>
      <c r="C39" s="1058"/>
      <c r="D39" s="1058"/>
      <c r="E39" s="1058"/>
    </row>
    <row r="40" spans="1:5" ht="11.25" customHeight="1" x14ac:dyDescent="0.2">
      <c r="A40" s="20" t="s">
        <v>74</v>
      </c>
      <c r="B40" s="1057">
        <v>1576682963.7800002</v>
      </c>
      <c r="C40" s="1058"/>
      <c r="D40" s="1058"/>
      <c r="E40" s="1058"/>
    </row>
    <row r="41" spans="1:5" ht="11.25" customHeight="1" x14ac:dyDescent="0.2">
      <c r="A41" s="68" t="s">
        <v>104</v>
      </c>
      <c r="B41" s="1045">
        <v>-886528833.09000027</v>
      </c>
      <c r="C41" s="1049"/>
      <c r="D41" s="1049"/>
      <c r="E41" s="1049"/>
    </row>
    <row r="42" spans="1:5" ht="6" customHeight="1" x14ac:dyDescent="0.2">
      <c r="E42" s="20"/>
    </row>
    <row r="43" spans="1:5" ht="11.25" customHeight="1" x14ac:dyDescent="0.2">
      <c r="A43" s="35"/>
      <c r="B43" s="32" t="s">
        <v>260</v>
      </c>
      <c r="C43" s="32" t="s">
        <v>880</v>
      </c>
      <c r="D43" s="779" t="s">
        <v>261</v>
      </c>
      <c r="E43" s="780"/>
    </row>
    <row r="44" spans="1:5" ht="11.25" customHeight="1" x14ac:dyDescent="0.2">
      <c r="A44" s="41" t="s">
        <v>262</v>
      </c>
      <c r="B44" s="33" t="s">
        <v>263</v>
      </c>
      <c r="C44" s="33" t="s">
        <v>881</v>
      </c>
      <c r="D44" s="804"/>
      <c r="E44" s="809"/>
    </row>
    <row r="45" spans="1:5" ht="11.25" customHeight="1" x14ac:dyDescent="0.2">
      <c r="A45" s="72"/>
      <c r="B45" s="33" t="s">
        <v>264</v>
      </c>
      <c r="C45" s="655" t="s">
        <v>115</v>
      </c>
      <c r="D45" s="804" t="s">
        <v>118</v>
      </c>
      <c r="E45" s="809"/>
    </row>
    <row r="46" spans="1:5" ht="11.25" customHeight="1" x14ac:dyDescent="0.2">
      <c r="A46" s="49"/>
      <c r="B46" s="73" t="s">
        <v>116</v>
      </c>
      <c r="C46" s="654" t="s">
        <v>117</v>
      </c>
      <c r="D46" s="805"/>
      <c r="E46" s="806"/>
    </row>
    <row r="47" spans="1:5" ht="11.25" customHeight="1" x14ac:dyDescent="0.2">
      <c r="A47" s="22" t="s">
        <v>265</v>
      </c>
      <c r="B47" s="367">
        <v>-297236000</v>
      </c>
      <c r="C47" s="367">
        <v>-656530815.25</v>
      </c>
      <c r="D47" s="1047">
        <v>220.87863356053776</v>
      </c>
      <c r="E47" s="1048"/>
    </row>
    <row r="48" spans="1:5" ht="11.25" customHeight="1" x14ac:dyDescent="0.2">
      <c r="A48" s="69" t="s">
        <v>266</v>
      </c>
      <c r="B48" s="368">
        <v>849118000</v>
      </c>
      <c r="C48" s="464">
        <v>39992432.03000164</v>
      </c>
      <c r="D48" s="1045">
        <v>4.7098791958245663</v>
      </c>
      <c r="E48" s="1049"/>
    </row>
    <row r="49" spans="1:6" ht="6" customHeight="1" x14ac:dyDescent="0.2"/>
    <row r="50" spans="1:6" ht="11.25" customHeight="1" x14ac:dyDescent="0.2">
      <c r="A50" s="781" t="s">
        <v>75</v>
      </c>
      <c r="B50" s="782" t="s">
        <v>267</v>
      </c>
      <c r="C50" s="32" t="s">
        <v>268</v>
      </c>
      <c r="D50" s="34" t="s">
        <v>551</v>
      </c>
      <c r="E50" s="34" t="s">
        <v>269</v>
      </c>
    </row>
    <row r="51" spans="1:6" ht="11.25" customHeight="1" x14ac:dyDescent="0.2">
      <c r="A51" s="785"/>
      <c r="B51" s="783"/>
      <c r="C51" s="73" t="s">
        <v>115</v>
      </c>
      <c r="D51" s="39" t="s">
        <v>115</v>
      </c>
      <c r="E51" s="39" t="s">
        <v>5</v>
      </c>
    </row>
    <row r="52" spans="1:6" s="66" customFormat="1" ht="11.25" customHeight="1" x14ac:dyDescent="0.2">
      <c r="A52" s="142" t="s">
        <v>270</v>
      </c>
      <c r="B52" s="457">
        <v>265590396.53</v>
      </c>
      <c r="C52" s="322">
        <v>31954250.479999997</v>
      </c>
      <c r="D52" s="458">
        <v>175511897.16000003</v>
      </c>
      <c r="E52" s="458">
        <v>58124248.889999993</v>
      </c>
      <c r="F52" s="207"/>
    </row>
    <row r="53" spans="1:6" ht="11.25" customHeight="1" x14ac:dyDescent="0.2">
      <c r="A53" s="22" t="s">
        <v>271</v>
      </c>
      <c r="B53" s="232">
        <v>217128968.44</v>
      </c>
      <c r="C53" s="459">
        <v>31954250.479999997</v>
      </c>
      <c r="D53" s="459">
        <v>127779701.57000001</v>
      </c>
      <c r="E53" s="459">
        <v>57395016.390000001</v>
      </c>
    </row>
    <row r="54" spans="1:6" ht="11.25" customHeight="1" x14ac:dyDescent="0.2">
      <c r="A54" s="22" t="s">
        <v>272</v>
      </c>
      <c r="B54" s="232">
        <v>15110230.220000001</v>
      </c>
      <c r="C54" s="459">
        <v>0</v>
      </c>
      <c r="D54" s="459">
        <v>14750169.780000001</v>
      </c>
      <c r="E54" s="459">
        <v>360060.43999999948</v>
      </c>
    </row>
    <row r="55" spans="1:6" ht="11.25" customHeight="1" x14ac:dyDescent="0.2">
      <c r="A55" s="22" t="s">
        <v>273</v>
      </c>
      <c r="B55" s="232">
        <v>33313242.68</v>
      </c>
      <c r="C55" s="459">
        <v>0</v>
      </c>
      <c r="D55" s="459">
        <v>32950208.750000004</v>
      </c>
      <c r="E55" s="459">
        <v>363033.92999999598</v>
      </c>
    </row>
    <row r="56" spans="1:6" ht="11.25" customHeight="1" x14ac:dyDescent="0.2">
      <c r="A56" s="22" t="s">
        <v>274</v>
      </c>
      <c r="B56" s="232">
        <v>37955.19</v>
      </c>
      <c r="C56" s="459">
        <v>0</v>
      </c>
      <c r="D56" s="459">
        <v>31817.06</v>
      </c>
      <c r="E56" s="459">
        <v>6138.130000000001</v>
      </c>
    </row>
    <row r="57" spans="1:6" s="66" customFormat="1" ht="11.25" customHeight="1" x14ac:dyDescent="0.2">
      <c r="A57" s="142" t="s">
        <v>275</v>
      </c>
      <c r="B57" s="457">
        <v>513260947.21000004</v>
      </c>
      <c r="C57" s="457">
        <v>135647059.91000003</v>
      </c>
      <c r="D57" s="457">
        <v>220400287.56</v>
      </c>
      <c r="E57" s="322">
        <v>157213599.73999998</v>
      </c>
    </row>
    <row r="58" spans="1:6" ht="11.25" customHeight="1" x14ac:dyDescent="0.2">
      <c r="A58" s="22" t="s">
        <v>271</v>
      </c>
      <c r="B58" s="232">
        <v>491216157.98000002</v>
      </c>
      <c r="C58" s="459">
        <v>134816635.83000001</v>
      </c>
      <c r="D58" s="459">
        <v>202129576</v>
      </c>
      <c r="E58" s="459">
        <v>154269946.14999998</v>
      </c>
    </row>
    <row r="59" spans="1:6" ht="11.25" customHeight="1" x14ac:dyDescent="0.2">
      <c r="A59" s="22" t="s">
        <v>272</v>
      </c>
      <c r="B59" s="232">
        <v>2405217.27</v>
      </c>
      <c r="C59" s="459">
        <v>0</v>
      </c>
      <c r="D59" s="459">
        <v>2405217.27</v>
      </c>
      <c r="E59" s="459">
        <v>0</v>
      </c>
    </row>
    <row r="60" spans="1:6" ht="11.25" customHeight="1" x14ac:dyDescent="0.2">
      <c r="A60" s="22" t="s">
        <v>273</v>
      </c>
      <c r="B60" s="232">
        <v>5240147.9800000004</v>
      </c>
      <c r="C60" s="459">
        <v>455373.84</v>
      </c>
      <c r="D60" s="459">
        <v>2817292.93</v>
      </c>
      <c r="E60" s="459">
        <v>1967481.2100000004</v>
      </c>
    </row>
    <row r="61" spans="1:6" ht="11.25" customHeight="1" x14ac:dyDescent="0.2">
      <c r="A61" s="22" t="s">
        <v>274</v>
      </c>
      <c r="B61" s="232">
        <v>14399423.979999999</v>
      </c>
      <c r="C61" s="459">
        <v>375050.23999999999</v>
      </c>
      <c r="D61" s="460">
        <v>13048201.359999999</v>
      </c>
      <c r="E61" s="460">
        <v>976172.37999999896</v>
      </c>
    </row>
    <row r="62" spans="1:6" ht="11.25" customHeight="1" x14ac:dyDescent="0.2">
      <c r="A62" s="255" t="s">
        <v>170</v>
      </c>
      <c r="B62" s="461">
        <v>778851343.74000001</v>
      </c>
      <c r="C62" s="461">
        <v>167601310.39000002</v>
      </c>
      <c r="D62" s="461">
        <v>395912184.72000003</v>
      </c>
      <c r="E62" s="233">
        <v>215337848.62999997</v>
      </c>
    </row>
    <row r="63" spans="1:6" s="221" customFormat="1" ht="6" customHeight="1" x14ac:dyDescent="0.2">
      <c r="A63" s="661"/>
      <c r="B63" s="659"/>
      <c r="C63" s="660"/>
      <c r="D63" s="660"/>
      <c r="E63" s="660"/>
    </row>
    <row r="64" spans="1:6" ht="11.25" customHeight="1" x14ac:dyDescent="0.2">
      <c r="A64" s="35"/>
      <c r="B64" s="782" t="s">
        <v>276</v>
      </c>
      <c r="C64" s="729" t="s">
        <v>277</v>
      </c>
      <c r="D64" s="730"/>
      <c r="E64" s="730"/>
    </row>
    <row r="65" spans="1:5" ht="11.25" customHeight="1" x14ac:dyDescent="0.2">
      <c r="A65" s="41" t="s">
        <v>76</v>
      </c>
      <c r="B65" s="807"/>
      <c r="C65" s="34" t="s">
        <v>278</v>
      </c>
      <c r="D65" s="779" t="s">
        <v>293</v>
      </c>
      <c r="E65" s="780"/>
    </row>
    <row r="66" spans="1:5" ht="11.25" customHeight="1" x14ac:dyDescent="0.2">
      <c r="A66" s="40"/>
      <c r="B66" s="40" t="s">
        <v>115</v>
      </c>
      <c r="C66" s="73" t="s">
        <v>294</v>
      </c>
      <c r="D66" s="805"/>
      <c r="E66" s="806"/>
    </row>
    <row r="67" spans="1:5" ht="10.5" x14ac:dyDescent="0.2">
      <c r="A67" s="292" t="s">
        <v>795</v>
      </c>
      <c r="B67" s="232">
        <v>2213747472.0560002</v>
      </c>
      <c r="C67" s="498">
        <v>25</v>
      </c>
      <c r="D67" s="1059">
        <v>42.788404379193963</v>
      </c>
      <c r="E67" s="1060"/>
    </row>
    <row r="68" spans="1:5" ht="10.5" x14ac:dyDescent="0.2">
      <c r="A68" s="292" t="s">
        <v>77</v>
      </c>
      <c r="B68" s="232">
        <v>613926954.55999994</v>
      </c>
      <c r="C68" s="498">
        <v>60</v>
      </c>
      <c r="D68" s="1057">
        <v>102.77291109800039</v>
      </c>
      <c r="E68" s="1058"/>
    </row>
    <row r="69" spans="1:5" ht="15" customHeight="1" x14ac:dyDescent="0.2">
      <c r="A69" s="292" t="s">
        <v>78</v>
      </c>
      <c r="B69" s="232">
        <v>0</v>
      </c>
      <c r="C69" s="498">
        <v>60</v>
      </c>
      <c r="D69" s="1057">
        <v>0</v>
      </c>
      <c r="E69" s="1058"/>
    </row>
    <row r="70" spans="1:5" ht="10.5" x14ac:dyDescent="0.2">
      <c r="A70" s="293" t="s">
        <v>79</v>
      </c>
      <c r="B70" s="368">
        <v>0</v>
      </c>
      <c r="C70" s="616">
        <v>0</v>
      </c>
      <c r="D70" s="1045">
        <v>0</v>
      </c>
      <c r="E70" s="1049"/>
    </row>
    <row r="71" spans="1:5" s="221" customFormat="1" ht="6" customHeight="1" x14ac:dyDescent="0.2">
      <c r="A71" s="387"/>
      <c r="B71" s="662"/>
      <c r="C71" s="656"/>
      <c r="D71" s="656"/>
      <c r="E71" s="656"/>
    </row>
    <row r="72" spans="1:5" ht="21.75" customHeight="1" x14ac:dyDescent="0.2">
      <c r="A72" s="35" t="s">
        <v>295</v>
      </c>
      <c r="B72" s="729" t="s">
        <v>296</v>
      </c>
      <c r="C72" s="731"/>
      <c r="D72" s="729" t="s">
        <v>348</v>
      </c>
      <c r="E72" s="730"/>
    </row>
    <row r="73" spans="1:5" ht="11.25" customHeight="1" x14ac:dyDescent="0.2">
      <c r="A73" s="21" t="s">
        <v>298</v>
      </c>
      <c r="B73" s="1047"/>
      <c r="C73" s="1050"/>
      <c r="D73" s="1047"/>
      <c r="E73" s="1048"/>
    </row>
    <row r="74" spans="1:5" ht="11.25" customHeight="1" x14ac:dyDescent="0.2">
      <c r="A74" s="69" t="s">
        <v>299</v>
      </c>
      <c r="B74" s="1045"/>
      <c r="C74" s="1046"/>
      <c r="D74" s="1045"/>
      <c r="E74" s="1049"/>
    </row>
    <row r="75" spans="1:5" s="221" customFormat="1" ht="6" customHeight="1" x14ac:dyDescent="0.2">
      <c r="A75" s="68"/>
      <c r="B75" s="656"/>
      <c r="C75" s="656"/>
      <c r="D75" s="656"/>
      <c r="E75" s="656"/>
    </row>
    <row r="76" spans="1:5" ht="21.75" customHeight="1" x14ac:dyDescent="0.2">
      <c r="A76" s="38" t="s">
        <v>300</v>
      </c>
      <c r="B76" s="2" t="s">
        <v>301</v>
      </c>
      <c r="C76" s="3" t="s">
        <v>302</v>
      </c>
      <c r="D76" s="2" t="s">
        <v>303</v>
      </c>
      <c r="E76" s="36" t="s">
        <v>304</v>
      </c>
    </row>
    <row r="77" spans="1:5" s="66" customFormat="1" ht="11.25" customHeight="1" x14ac:dyDescent="0.2">
      <c r="A77" s="142" t="s">
        <v>257</v>
      </c>
      <c r="B77" s="617"/>
      <c r="C77" s="617"/>
      <c r="D77" s="617"/>
      <c r="E77" s="458"/>
    </row>
    <row r="78" spans="1:5" ht="11.25" customHeight="1" x14ac:dyDescent="0.2">
      <c r="A78" s="22" t="s">
        <v>258</v>
      </c>
      <c r="B78" s="499"/>
      <c r="C78" s="499"/>
      <c r="D78" s="499"/>
      <c r="E78" s="459"/>
    </row>
    <row r="79" spans="1:5" ht="11.25" customHeight="1" x14ac:dyDescent="0.2">
      <c r="A79" s="22" t="s">
        <v>259</v>
      </c>
      <c r="B79" s="499"/>
      <c r="C79" s="499"/>
      <c r="D79" s="499"/>
      <c r="E79" s="459"/>
    </row>
    <row r="80" spans="1:5" ht="11.25" customHeight="1" x14ac:dyDescent="0.2">
      <c r="A80" s="22" t="s">
        <v>103</v>
      </c>
      <c r="B80" s="499"/>
      <c r="C80" s="499"/>
      <c r="D80" s="499"/>
      <c r="E80" s="459"/>
    </row>
    <row r="81" spans="1:5" s="66" customFormat="1" ht="11.25" customHeight="1" x14ac:dyDescent="0.2">
      <c r="A81" s="142" t="s">
        <v>316</v>
      </c>
      <c r="B81" s="505"/>
      <c r="C81" s="505"/>
      <c r="D81" s="505"/>
      <c r="E81" s="322"/>
    </row>
    <row r="82" spans="1:5" ht="11.25" customHeight="1" x14ac:dyDescent="0.2">
      <c r="A82" s="22" t="s">
        <v>6</v>
      </c>
      <c r="B82" s="499"/>
      <c r="C82" s="499"/>
      <c r="D82" s="499"/>
      <c r="E82" s="459"/>
    </row>
    <row r="83" spans="1:5" ht="11.25" customHeight="1" x14ac:dyDescent="0.2">
      <c r="A83" s="22" t="s">
        <v>7</v>
      </c>
      <c r="B83" s="499"/>
      <c r="C83" s="499"/>
      <c r="D83" s="499"/>
      <c r="E83" s="459"/>
    </row>
    <row r="84" spans="1:5" s="221" customFormat="1" ht="11.25" customHeight="1" x14ac:dyDescent="0.2">
      <c r="A84" s="69" t="s">
        <v>104</v>
      </c>
      <c r="B84" s="464"/>
      <c r="C84" s="464"/>
      <c r="D84" s="464"/>
      <c r="E84" s="460"/>
    </row>
    <row r="85" spans="1:5" s="221" customFormat="1" ht="6" customHeight="1" x14ac:dyDescent="0.2">
      <c r="B85" s="664"/>
      <c r="C85" s="664"/>
      <c r="D85" s="664"/>
      <c r="E85" s="664"/>
    </row>
    <row r="86" spans="1:5" ht="21" customHeight="1" x14ac:dyDescent="0.2">
      <c r="A86" s="38" t="s">
        <v>305</v>
      </c>
      <c r="B86" s="729" t="s">
        <v>296</v>
      </c>
      <c r="C86" s="731"/>
      <c r="D86" s="729" t="s">
        <v>297</v>
      </c>
      <c r="E86" s="730"/>
    </row>
    <row r="87" spans="1:5" ht="11.25" customHeight="1" x14ac:dyDescent="0.2">
      <c r="A87" s="22" t="s">
        <v>306</v>
      </c>
      <c r="B87" s="1047"/>
      <c r="C87" s="1050"/>
      <c r="D87" s="1047"/>
      <c r="E87" s="1048"/>
    </row>
    <row r="88" spans="1:5" ht="11.25" customHeight="1" x14ac:dyDescent="0.2">
      <c r="A88" s="69" t="s">
        <v>307</v>
      </c>
      <c r="B88" s="1045"/>
      <c r="C88" s="1046"/>
      <c r="D88" s="1045"/>
      <c r="E88" s="1049"/>
    </row>
    <row r="89" spans="1:5" s="221" customFormat="1" ht="6" customHeight="1" x14ac:dyDescent="0.2">
      <c r="A89" s="68"/>
      <c r="B89" s="68"/>
      <c r="C89" s="28"/>
    </row>
    <row r="90" spans="1:5" ht="15" customHeight="1" x14ac:dyDescent="0.2">
      <c r="A90" s="35"/>
      <c r="B90" s="791" t="s">
        <v>794</v>
      </c>
      <c r="C90" s="729" t="s">
        <v>308</v>
      </c>
      <c r="D90" s="730"/>
      <c r="E90" s="730"/>
    </row>
    <row r="91" spans="1:5" ht="13.5" customHeight="1" x14ac:dyDescent="0.2">
      <c r="A91" s="41" t="s">
        <v>243</v>
      </c>
      <c r="B91" s="1042"/>
      <c r="C91" s="34" t="s">
        <v>278</v>
      </c>
      <c r="D91" s="779" t="s">
        <v>293</v>
      </c>
      <c r="E91" s="780"/>
    </row>
    <row r="92" spans="1:5" ht="12.75" customHeight="1" x14ac:dyDescent="0.2">
      <c r="A92" s="40"/>
      <c r="B92" s="792"/>
      <c r="C92" s="73" t="s">
        <v>294</v>
      </c>
      <c r="D92" s="805"/>
      <c r="E92" s="806"/>
    </row>
    <row r="93" spans="1:5" ht="15" customHeight="1" x14ac:dyDescent="0.2">
      <c r="A93" s="658" t="s">
        <v>429</v>
      </c>
      <c r="B93" s="631">
        <v>862690938.32999992</v>
      </c>
      <c r="C93" s="632">
        <v>12</v>
      </c>
      <c r="D93" s="1051">
        <v>16.674516488209694</v>
      </c>
      <c r="E93" s="1052"/>
    </row>
    <row r="94" spans="1:5" ht="6" customHeight="1" x14ac:dyDescent="0.2">
      <c r="A94" s="25"/>
      <c r="B94" s="25"/>
      <c r="C94" s="75"/>
      <c r="D94" s="25"/>
      <c r="E94" s="25"/>
    </row>
    <row r="95" spans="1:5" ht="21.75" customHeight="1" x14ac:dyDescent="0.2">
      <c r="A95" s="4" t="s">
        <v>81</v>
      </c>
      <c r="B95" s="729" t="s">
        <v>80</v>
      </c>
      <c r="C95" s="730"/>
      <c r="D95" s="730"/>
      <c r="E95" s="730"/>
    </row>
    <row r="96" spans="1:5" s="268" customFormat="1" ht="15" customHeight="1" x14ac:dyDescent="0.2">
      <c r="A96" s="663" t="s">
        <v>210</v>
      </c>
      <c r="B96" s="1051"/>
      <c r="C96" s="1052"/>
      <c r="D96" s="1052"/>
      <c r="E96" s="1052"/>
    </row>
    <row r="97" spans="1:21" ht="10.5" x14ac:dyDescent="0.2">
      <c r="A97" s="182" t="s">
        <v>848</v>
      </c>
      <c r="B97" s="182"/>
      <c r="C97" s="182"/>
      <c r="D97" s="182"/>
      <c r="E97" s="297"/>
      <c r="F97" s="17"/>
      <c r="G97" s="17"/>
      <c r="H97" s="17"/>
      <c r="I97" s="17"/>
      <c r="J97" s="17"/>
      <c r="K97" s="17"/>
      <c r="L97" s="17"/>
      <c r="M97" s="17"/>
      <c r="N97" s="17"/>
      <c r="O97" s="17"/>
      <c r="P97" s="17"/>
      <c r="Q97" s="17"/>
      <c r="R97" s="17"/>
      <c r="S97" s="17"/>
      <c r="T97" s="17"/>
      <c r="U97" s="17"/>
    </row>
    <row r="98" spans="1:21" ht="11.25" customHeight="1" x14ac:dyDescent="0.2">
      <c r="A98" s="20"/>
    </row>
    <row r="100" spans="1:21" s="268" customFormat="1" ht="11.25" customHeight="1" x14ac:dyDescent="0.2">
      <c r="C100" s="67"/>
    </row>
    <row r="101" spans="1:21" s="268" customFormat="1" ht="11.25" customHeight="1" x14ac:dyDescent="0.2">
      <c r="C101" s="67"/>
    </row>
    <row r="107" spans="1:21" s="45" customFormat="1" ht="11.25" customHeight="1" x14ac:dyDescent="0.2"/>
    <row r="108" spans="1:21" s="45" customFormat="1" ht="11.25" customHeight="1" x14ac:dyDescent="0.2"/>
    <row r="109" spans="1:21" s="45" customFormat="1" ht="11.25" customHeight="1" x14ac:dyDescent="0.2"/>
    <row r="110" spans="1:21" s="45" customFormat="1" ht="11.25" customHeight="1" x14ac:dyDescent="0.2"/>
    <row r="111" spans="1:21" s="45" customFormat="1" ht="11.25" customHeight="1" x14ac:dyDescent="0.2"/>
    <row r="112" spans="1:21" s="45" customFormat="1" ht="11.25" customHeight="1" x14ac:dyDescent="0.2"/>
    <row r="113" s="45" customFormat="1" ht="11.25" customHeight="1" x14ac:dyDescent="0.2"/>
  </sheetData>
  <customSheetViews>
    <customSheetView guid="{C779D862-DE28-46CD-A428-4AAA1056D1E1}" showPageBreaks="1" showGridLines="0" fitToPage="1" printArea="1">
      <selection activeCell="A7" sqref="A7:E7"/>
      <pageMargins left="0.19685039370078741" right="0.19685039370078741" top="0.59055118110236227" bottom="0.19685039370078741" header="0" footer="0"/>
      <printOptions horizontalCentered="1"/>
      <pageSetup paperSize="9" scale="61" orientation="portrait" r:id="rId1"/>
      <headerFooter alignWithMargins="0"/>
    </customSheetView>
    <customSheetView guid="{3AAF6A5F-F9AA-430B-9AD9-1261ECDF41B5}" showPageBreaks="1" showGridLines="0" fitToPage="1" printArea="1">
      <selection activeCell="E126" sqref="E126"/>
      <pageMargins left="0.19685039370078741" right="0.19685039370078741" top="0.59055118110236227" bottom="0.19685039370078741" header="0" footer="0"/>
      <printOptions horizontalCentered="1"/>
      <pageSetup paperSize="9" scale="61" orientation="portrait" r:id="rId2"/>
      <headerFooter alignWithMargins="0"/>
    </customSheetView>
    <customSheetView guid="{25EF1E0D-169B-4051-B414-7E1196FC05E4}" showPageBreaks="1" showGridLines="0" fitToPage="1" printArea="1">
      <selection activeCell="M83" sqref="M83"/>
      <pageMargins left="0.19685039370078741" right="0.19685039370078741" top="0.59055118110236227" bottom="0.19685039370078741" header="0" footer="0"/>
      <printOptions horizontalCentered="1"/>
      <pageSetup paperSize="9" scale="62" orientation="portrait" r:id="rId3"/>
      <headerFooter alignWithMargins="0"/>
    </customSheetView>
    <customSheetView guid="{82EDB5A4-4824-4632-A540-7A52C92F04C7}" showPageBreaks="1" showGridLines="0" fitToPage="1" printArea="1" topLeftCell="A37">
      <selection activeCell="M83" sqref="M83"/>
      <pageMargins left="0.19685039370078741" right="0.19685039370078741" top="0.59055118110236227" bottom="0.19685039370078741" header="0" footer="0"/>
      <printOptions horizontalCentered="1"/>
      <pageSetup paperSize="9" scale="62" orientation="portrait" r:id="rId4"/>
      <headerFooter alignWithMargins="0"/>
    </customSheetView>
    <customSheetView guid="{15F968AB-9DD6-4E60-9FDC-FEF44C5FFDCB}" showPageBreaks="1" showGridLines="0" printArea="1"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5"/>
      <headerFooter alignWithMargins="0"/>
    </customSheetView>
    <customSheetView guid="{D5976633-8ECB-4B00-B200-C7467CF5B10F}" showGridLines="0"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6"/>
      <headerFooter alignWithMargins="0"/>
    </customSheetView>
    <customSheetView guid="{B4FED47C-EE37-4843-A570-282D4F8229D4}" showGridLines="0" fitToPage="1">
      <selection activeCell="A8" sqref="A8"/>
      <pageMargins left="0.19685039370078741" right="0.19685039370078741" top="0.59055118110236227" bottom="0.19685039370078741" header="0" footer="0"/>
      <printOptions horizontalCentered="1"/>
      <pageSetup paperSize="9" scale="61" orientation="portrait" r:id="rId7"/>
      <headerFooter alignWithMargins="0"/>
    </customSheetView>
    <customSheetView guid="{6DBFA32C-4AA4-4E1D-9A48-697377C64CC3}" showPageBreaks="1" showGridLines="0" fitToPage="1" printArea="1">
      <selection activeCell="H9" sqref="H9"/>
      <pageMargins left="0.19685039370078741" right="0.19685039370078741" top="0.59055118110236227" bottom="0.19685039370078741" header="0" footer="0"/>
      <printOptions horizontalCentered="1"/>
      <pageSetup paperSize="9" scale="62" orientation="portrait" r:id="rId8"/>
      <headerFooter alignWithMargins="0"/>
    </customSheetView>
    <customSheetView guid="{09DEEE52-8A8D-4F12-80E3-55185B30DF10}" showGridLines="0" fitToPage="1">
      <pageMargins left="0.19685039370078741" right="0.19685039370078741" top="0.59055118110236227" bottom="0.19685039370078741" header="0" footer="0"/>
      <printOptions horizontalCentered="1"/>
      <pageSetup paperSize="9" scale="61" orientation="portrait" r:id="rId9"/>
      <headerFooter alignWithMargins="0"/>
    </customSheetView>
  </customSheetViews>
  <mergeCells count="65">
    <mergeCell ref="B88:C88"/>
    <mergeCell ref="D87:E87"/>
    <mergeCell ref="D88:E88"/>
    <mergeCell ref="D93:E93"/>
    <mergeCell ref="B40:E40"/>
    <mergeCell ref="B41:E41"/>
    <mergeCell ref="D67:E67"/>
    <mergeCell ref="D68:E68"/>
    <mergeCell ref="D65:E66"/>
    <mergeCell ref="C64:E64"/>
    <mergeCell ref="D45:E46"/>
    <mergeCell ref="D47:E47"/>
    <mergeCell ref="D48:E48"/>
    <mergeCell ref="D69:E69"/>
    <mergeCell ref="D70:E70"/>
    <mergeCell ref="B73:C73"/>
    <mergeCell ref="B35:E35"/>
    <mergeCell ref="B36:E36"/>
    <mergeCell ref="B37:E37"/>
    <mergeCell ref="B38:E38"/>
    <mergeCell ref="B39:E39"/>
    <mergeCell ref="B28:E28"/>
    <mergeCell ref="B31:E31"/>
    <mergeCell ref="B34:E34"/>
    <mergeCell ref="B26:E26"/>
    <mergeCell ref="B30:E30"/>
    <mergeCell ref="B33:E33"/>
    <mergeCell ref="B96:E96"/>
    <mergeCell ref="B90:B92"/>
    <mergeCell ref="D91:E92"/>
    <mergeCell ref="B95:E95"/>
    <mergeCell ref="C90:E90"/>
    <mergeCell ref="B74:C74"/>
    <mergeCell ref="D73:E73"/>
    <mergeCell ref="D74:E74"/>
    <mergeCell ref="B87:C87"/>
    <mergeCell ref="A50:A51"/>
    <mergeCell ref="B50:B51"/>
    <mergeCell ref="B72:C72"/>
    <mergeCell ref="D72:E72"/>
    <mergeCell ref="B86:C86"/>
    <mergeCell ref="D86:E86"/>
    <mergeCell ref="B64:B65"/>
    <mergeCell ref="A3:E3"/>
    <mergeCell ref="A4:E4"/>
    <mergeCell ref="A5:E5"/>
    <mergeCell ref="A6:E6"/>
    <mergeCell ref="B10:E10"/>
    <mergeCell ref="A7:E7"/>
    <mergeCell ref="D43:E44"/>
    <mergeCell ref="B11:E11"/>
    <mergeCell ref="B12:E12"/>
    <mergeCell ref="B13:E13"/>
    <mergeCell ref="B14:E14"/>
    <mergeCell ref="B15:E15"/>
    <mergeCell ref="B16:E16"/>
    <mergeCell ref="B17:E17"/>
    <mergeCell ref="B18:E18"/>
    <mergeCell ref="B19:E19"/>
    <mergeCell ref="B20:E20"/>
    <mergeCell ref="B21:E21"/>
    <mergeCell ref="B22:E22"/>
    <mergeCell ref="B23:E23"/>
    <mergeCell ref="B24:E24"/>
    <mergeCell ref="B27:E27"/>
  </mergeCells>
  <phoneticPr fontId="0" type="noConversion"/>
  <printOptions horizontalCentered="1"/>
  <pageMargins left="0.19685039370078741" right="0.19685039370078741" top="0.59055118110236227" bottom="0.19685039370078741" header="0" footer="0"/>
  <pageSetup paperSize="9" scale="61" orientation="portrait" r:id="rId10"/>
  <headerFooter alignWithMargins="0"/>
  <drawing r:id="rId1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94"/>
  <sheetViews>
    <sheetView showGridLines="0" zoomScaleNormal="100" workbookViewId="0"/>
  </sheetViews>
  <sheetFormatPr defaultRowHeight="11.25" customHeight="1" x14ac:dyDescent="0.2"/>
  <cols>
    <col min="1" max="1" width="57.42578125" style="45" customWidth="1"/>
    <col min="2" max="2" width="16.7109375" style="45" customWidth="1"/>
    <col min="3" max="3" width="19" style="45" bestFit="1" customWidth="1"/>
    <col min="4" max="4" width="16.7109375" style="45" customWidth="1"/>
    <col min="5" max="5" width="19" style="45" bestFit="1" customWidth="1"/>
    <col min="6" max="10" width="16.7109375" style="45" customWidth="1"/>
    <col min="11" max="11" width="8" style="45" bestFit="1" customWidth="1"/>
    <col min="12" max="12" width="17.28515625" style="45" bestFit="1" customWidth="1"/>
    <col min="13" max="13" width="13.85546875" style="45" customWidth="1"/>
    <col min="14" max="14" width="18.5703125" style="45" customWidth="1"/>
    <col min="15" max="15" width="6.5703125" style="45" customWidth="1"/>
    <col min="16" max="17" width="15.42578125" style="45" customWidth="1"/>
    <col min="18" max="18" width="22" style="45" customWidth="1"/>
    <col min="19" max="19" width="13.42578125" style="45" customWidth="1"/>
    <col min="20" max="16384" width="9.140625" style="45"/>
  </cols>
  <sheetData>
    <row r="1" spans="1:14" s="26" customFormat="1" ht="10.5" x14ac:dyDescent="0.2">
      <c r="A1" s="294"/>
      <c r="B1" s="294"/>
      <c r="C1" s="294"/>
      <c r="D1" s="294"/>
      <c r="E1" s="294"/>
      <c r="F1" s="294"/>
      <c r="G1" s="294"/>
      <c r="H1" s="294"/>
      <c r="I1" s="294"/>
      <c r="J1" s="294"/>
      <c r="K1" s="294"/>
      <c r="L1" s="294"/>
    </row>
    <row r="2" spans="1:14" s="26" customFormat="1" ht="10.5" x14ac:dyDescent="0.2">
      <c r="A2" s="772"/>
      <c r="B2" s="772"/>
      <c r="C2" s="772"/>
      <c r="D2" s="772"/>
      <c r="E2" s="772"/>
      <c r="F2" s="772"/>
      <c r="G2" s="772"/>
      <c r="H2" s="772"/>
      <c r="I2" s="772"/>
      <c r="J2" s="772"/>
      <c r="K2" s="772"/>
      <c r="L2" s="772"/>
    </row>
    <row r="3" spans="1:14" ht="10.5" x14ac:dyDescent="0.2">
      <c r="A3" s="720" t="s">
        <v>638</v>
      </c>
      <c r="B3" s="720"/>
      <c r="C3" s="720"/>
      <c r="D3" s="720"/>
      <c r="E3" s="720"/>
      <c r="F3" s="720"/>
      <c r="G3" s="720"/>
      <c r="H3" s="720"/>
      <c r="I3" s="720"/>
      <c r="J3" s="720"/>
      <c r="K3" s="720"/>
      <c r="L3" s="720"/>
    </row>
    <row r="4" spans="1:14" ht="10.5" x14ac:dyDescent="0.2">
      <c r="A4" s="720" t="s">
        <v>105</v>
      </c>
      <c r="B4" s="720"/>
      <c r="C4" s="720"/>
      <c r="D4" s="720"/>
      <c r="E4" s="720"/>
      <c r="F4" s="720"/>
      <c r="G4" s="720"/>
      <c r="H4" s="720"/>
      <c r="I4" s="720"/>
      <c r="J4" s="720"/>
      <c r="K4" s="720"/>
      <c r="L4" s="720"/>
    </row>
    <row r="5" spans="1:14" ht="10.5" x14ac:dyDescent="0.2">
      <c r="A5" s="720" t="s">
        <v>106</v>
      </c>
      <c r="B5" s="720"/>
      <c r="C5" s="720"/>
      <c r="D5" s="720"/>
      <c r="E5" s="720"/>
      <c r="F5" s="720"/>
      <c r="G5" s="720"/>
      <c r="H5" s="720"/>
      <c r="I5" s="720"/>
      <c r="J5" s="720"/>
      <c r="K5" s="720"/>
      <c r="L5" s="720"/>
    </row>
    <row r="6" spans="1:14" ht="10.5" x14ac:dyDescent="0.2">
      <c r="A6" s="720" t="s">
        <v>107</v>
      </c>
      <c r="B6" s="720"/>
      <c r="C6" s="720"/>
      <c r="D6" s="720"/>
      <c r="E6" s="720"/>
      <c r="F6" s="720"/>
      <c r="G6" s="720"/>
      <c r="H6" s="720"/>
      <c r="I6" s="720"/>
      <c r="J6" s="720"/>
      <c r="K6" s="720"/>
      <c r="L6" s="720"/>
    </row>
    <row r="7" spans="1:14" ht="10.5" x14ac:dyDescent="0.2">
      <c r="A7" s="720" t="s">
        <v>891</v>
      </c>
      <c r="B7" s="720"/>
      <c r="C7" s="720"/>
      <c r="D7" s="720"/>
      <c r="E7" s="720"/>
      <c r="F7" s="720"/>
      <c r="G7" s="720"/>
      <c r="H7" s="720"/>
      <c r="I7" s="720"/>
      <c r="J7" s="720"/>
      <c r="K7" s="720"/>
      <c r="L7" s="720"/>
    </row>
    <row r="8" spans="1:14" s="26" customFormat="1" ht="10.5" x14ac:dyDescent="0.2">
      <c r="A8" s="46"/>
      <c r="B8" s="46"/>
      <c r="C8" s="46"/>
      <c r="D8" s="417"/>
      <c r="E8" s="417"/>
      <c r="F8" s="46"/>
      <c r="G8" s="46"/>
      <c r="H8" s="46"/>
      <c r="I8" s="46"/>
      <c r="J8" s="46"/>
      <c r="K8" s="46"/>
    </row>
    <row r="9" spans="1:14" s="26" customFormat="1" ht="9.75" customHeight="1" x14ac:dyDescent="0.2">
      <c r="A9" s="26" t="s">
        <v>849</v>
      </c>
      <c r="B9" s="112"/>
      <c r="D9" s="303"/>
      <c r="E9" s="303"/>
      <c r="H9" s="131"/>
      <c r="I9" s="46"/>
      <c r="J9" s="131"/>
      <c r="L9" s="618">
        <v>1</v>
      </c>
    </row>
    <row r="10" spans="1:14" ht="10.5" x14ac:dyDescent="0.2">
      <c r="A10" s="724" t="s">
        <v>536</v>
      </c>
      <c r="B10" s="725" t="s">
        <v>426</v>
      </c>
      <c r="C10" s="733"/>
      <c r="D10" s="773" t="s">
        <v>235</v>
      </c>
      <c r="E10" s="774"/>
      <c r="F10" s="729" t="s">
        <v>109</v>
      </c>
      <c r="G10" s="730"/>
      <c r="H10" s="730"/>
      <c r="I10" s="730"/>
      <c r="J10" s="730"/>
      <c r="K10" s="731"/>
      <c r="L10" s="723" t="s">
        <v>161</v>
      </c>
    </row>
    <row r="11" spans="1:14" ht="10.5" x14ac:dyDescent="0.15">
      <c r="A11" s="738"/>
      <c r="B11" s="734"/>
      <c r="C11" s="735"/>
      <c r="D11" s="775"/>
      <c r="E11" s="776"/>
      <c r="F11" s="777" t="s">
        <v>113</v>
      </c>
      <c r="G11" s="778"/>
      <c r="H11" s="421" t="s">
        <v>114</v>
      </c>
      <c r="I11" s="723" t="s">
        <v>115</v>
      </c>
      <c r="J11" s="724"/>
      <c r="K11" s="422" t="s">
        <v>114</v>
      </c>
      <c r="L11" s="732"/>
    </row>
    <row r="12" spans="1:14" ht="10.5" x14ac:dyDescent="0.2">
      <c r="A12" s="739"/>
      <c r="B12" s="736"/>
      <c r="C12" s="737"/>
      <c r="D12" s="721" t="s">
        <v>116</v>
      </c>
      <c r="E12" s="722"/>
      <c r="F12" s="721" t="s">
        <v>117</v>
      </c>
      <c r="G12" s="722"/>
      <c r="H12" s="394" t="s">
        <v>118</v>
      </c>
      <c r="I12" s="721" t="s">
        <v>152</v>
      </c>
      <c r="J12" s="722"/>
      <c r="K12" s="420" t="s">
        <v>153</v>
      </c>
      <c r="L12" s="633" t="s">
        <v>154</v>
      </c>
    </row>
    <row r="13" spans="1:14" ht="10.5" x14ac:dyDescent="0.2">
      <c r="A13" s="145" t="s">
        <v>82</v>
      </c>
      <c r="B13" s="718">
        <v>1078931200</v>
      </c>
      <c r="C13" s="719"/>
      <c r="D13" s="718">
        <v>1314926922.74</v>
      </c>
      <c r="E13" s="719"/>
      <c r="F13" s="718">
        <v>203817880.88</v>
      </c>
      <c r="G13" s="719"/>
      <c r="H13" s="465">
        <v>15.500320006779633</v>
      </c>
      <c r="I13" s="718">
        <v>695207633.88999999</v>
      </c>
      <c r="J13" s="719"/>
      <c r="K13" s="423">
        <v>52.870438795286809</v>
      </c>
      <c r="L13" s="424">
        <v>619719288.85000002</v>
      </c>
    </row>
    <row r="14" spans="1:14" ht="10.5" x14ac:dyDescent="0.2">
      <c r="A14" s="146" t="s">
        <v>8</v>
      </c>
      <c r="B14" s="716">
        <v>1078931200</v>
      </c>
      <c r="C14" s="717"/>
      <c r="D14" s="716">
        <v>1314926922.74</v>
      </c>
      <c r="E14" s="717"/>
      <c r="F14" s="716">
        <v>203817880.88</v>
      </c>
      <c r="G14" s="717"/>
      <c r="H14" s="467">
        <v>15.500320006779633</v>
      </c>
      <c r="I14" s="716">
        <v>695207633.88999999</v>
      </c>
      <c r="J14" s="717"/>
      <c r="K14" s="423">
        <v>52.870438795286809</v>
      </c>
      <c r="L14" s="424">
        <v>619719288.85000002</v>
      </c>
    </row>
    <row r="15" spans="1:14" ht="10.5" x14ac:dyDescent="0.2">
      <c r="A15" s="146" t="s">
        <v>9</v>
      </c>
      <c r="B15" s="704">
        <v>0</v>
      </c>
      <c r="C15" s="705"/>
      <c r="D15" s="704">
        <v>0</v>
      </c>
      <c r="E15" s="705"/>
      <c r="F15" s="704">
        <v>0</v>
      </c>
      <c r="G15" s="705"/>
      <c r="H15" s="425">
        <v>0</v>
      </c>
      <c r="I15" s="704">
        <v>0</v>
      </c>
      <c r="J15" s="705"/>
      <c r="K15" s="425">
        <v>0</v>
      </c>
      <c r="L15" s="426">
        <v>0</v>
      </c>
      <c r="M15" s="28"/>
      <c r="N15" s="56"/>
    </row>
    <row r="16" spans="1:14" ht="10.5" x14ac:dyDescent="0.2">
      <c r="A16" s="29" t="s">
        <v>10</v>
      </c>
      <c r="B16" s="704">
        <v>0</v>
      </c>
      <c r="C16" s="705"/>
      <c r="D16" s="704">
        <v>0</v>
      </c>
      <c r="E16" s="705"/>
      <c r="F16" s="704">
        <v>0</v>
      </c>
      <c r="G16" s="705"/>
      <c r="H16" s="425">
        <v>0</v>
      </c>
      <c r="I16" s="704">
        <v>0</v>
      </c>
      <c r="J16" s="705"/>
      <c r="K16" s="425">
        <v>0</v>
      </c>
      <c r="L16" s="426">
        <v>0</v>
      </c>
    </row>
    <row r="17" spans="1:14" ht="10.5" x14ac:dyDescent="0.2">
      <c r="A17" s="29" t="s">
        <v>11</v>
      </c>
      <c r="B17" s="704">
        <v>0</v>
      </c>
      <c r="C17" s="705"/>
      <c r="D17" s="704">
        <v>0</v>
      </c>
      <c r="E17" s="705"/>
      <c r="F17" s="704">
        <v>0</v>
      </c>
      <c r="G17" s="705"/>
      <c r="H17" s="425">
        <v>0</v>
      </c>
      <c r="I17" s="704">
        <v>0</v>
      </c>
      <c r="J17" s="705"/>
      <c r="K17" s="425">
        <v>0</v>
      </c>
      <c r="L17" s="426">
        <v>0</v>
      </c>
    </row>
    <row r="18" spans="1:14" ht="10.5" x14ac:dyDescent="0.2">
      <c r="A18" s="29" t="s">
        <v>12</v>
      </c>
      <c r="B18" s="704">
        <v>0</v>
      </c>
      <c r="C18" s="705"/>
      <c r="D18" s="704">
        <v>0</v>
      </c>
      <c r="E18" s="705"/>
      <c r="F18" s="704">
        <v>0</v>
      </c>
      <c r="G18" s="705"/>
      <c r="H18" s="425">
        <v>0</v>
      </c>
      <c r="I18" s="704">
        <v>0</v>
      </c>
      <c r="J18" s="705"/>
      <c r="K18" s="425">
        <v>0</v>
      </c>
      <c r="L18" s="426">
        <v>0</v>
      </c>
    </row>
    <row r="19" spans="1:14" ht="10.5" x14ac:dyDescent="0.2">
      <c r="A19" s="146" t="s">
        <v>13</v>
      </c>
      <c r="B19" s="704">
        <v>1038054000</v>
      </c>
      <c r="C19" s="705"/>
      <c r="D19" s="704">
        <v>1038054000</v>
      </c>
      <c r="E19" s="705"/>
      <c r="F19" s="704">
        <v>116463826.52</v>
      </c>
      <c r="G19" s="705"/>
      <c r="H19" s="425">
        <v>11.219438152543123</v>
      </c>
      <c r="I19" s="704">
        <v>418351911.14999998</v>
      </c>
      <c r="J19" s="705"/>
      <c r="K19" s="425">
        <v>40.301555713864595</v>
      </c>
      <c r="L19" s="426">
        <v>619702088.85000002</v>
      </c>
      <c r="M19" s="56"/>
      <c r="N19" s="56"/>
    </row>
    <row r="20" spans="1:14" ht="10.5" x14ac:dyDescent="0.2">
      <c r="A20" s="29" t="s">
        <v>14</v>
      </c>
      <c r="B20" s="704">
        <v>1038054000</v>
      </c>
      <c r="C20" s="705"/>
      <c r="D20" s="704">
        <v>1038054000</v>
      </c>
      <c r="E20" s="705"/>
      <c r="F20" s="704">
        <v>116463826.52</v>
      </c>
      <c r="G20" s="705"/>
      <c r="H20" s="425">
        <v>11.219438152543123</v>
      </c>
      <c r="I20" s="704">
        <v>418351911.14999998</v>
      </c>
      <c r="J20" s="705"/>
      <c r="K20" s="425">
        <v>40.301555713864595</v>
      </c>
      <c r="L20" s="426">
        <v>619702088.85000002</v>
      </c>
    </row>
    <row r="21" spans="1:14" ht="10.5" x14ac:dyDescent="0.2">
      <c r="A21" s="29" t="s">
        <v>356</v>
      </c>
      <c r="B21" s="704">
        <v>0</v>
      </c>
      <c r="C21" s="705"/>
      <c r="D21" s="704">
        <v>0</v>
      </c>
      <c r="E21" s="705"/>
      <c r="F21" s="704">
        <v>0</v>
      </c>
      <c r="G21" s="705"/>
      <c r="H21" s="425">
        <v>0</v>
      </c>
      <c r="I21" s="704">
        <v>0</v>
      </c>
      <c r="J21" s="705"/>
      <c r="K21" s="425">
        <v>0</v>
      </c>
      <c r="L21" s="426">
        <v>0</v>
      </c>
    </row>
    <row r="22" spans="1:14" ht="10.5" x14ac:dyDescent="0.2">
      <c r="A22" s="29" t="s">
        <v>357</v>
      </c>
      <c r="B22" s="704">
        <v>0</v>
      </c>
      <c r="C22" s="705"/>
      <c r="D22" s="704">
        <v>0</v>
      </c>
      <c r="E22" s="705"/>
      <c r="F22" s="704">
        <v>0</v>
      </c>
      <c r="G22" s="705"/>
      <c r="H22" s="425">
        <v>0</v>
      </c>
      <c r="I22" s="704">
        <v>0</v>
      </c>
      <c r="J22" s="705"/>
      <c r="K22" s="425">
        <v>0</v>
      </c>
      <c r="L22" s="426">
        <v>0</v>
      </c>
    </row>
    <row r="23" spans="1:14" ht="10.5" x14ac:dyDescent="0.2">
      <c r="A23" s="146" t="s">
        <v>15</v>
      </c>
      <c r="B23" s="704">
        <v>0</v>
      </c>
      <c r="C23" s="705"/>
      <c r="D23" s="704">
        <v>16619195.48</v>
      </c>
      <c r="E23" s="705"/>
      <c r="F23" s="704">
        <v>4240724.63</v>
      </c>
      <c r="G23" s="705"/>
      <c r="H23" s="425">
        <v>0</v>
      </c>
      <c r="I23" s="704">
        <v>16619195.48</v>
      </c>
      <c r="J23" s="705"/>
      <c r="K23" s="425">
        <v>0</v>
      </c>
      <c r="L23" s="426">
        <v>0</v>
      </c>
    </row>
    <row r="24" spans="1:14" ht="10.5" x14ac:dyDescent="0.2">
      <c r="A24" s="29" t="s">
        <v>16</v>
      </c>
      <c r="B24" s="704">
        <v>0</v>
      </c>
      <c r="C24" s="705"/>
      <c r="D24" s="704">
        <v>0</v>
      </c>
      <c r="E24" s="705"/>
      <c r="F24" s="704">
        <v>0</v>
      </c>
      <c r="G24" s="705"/>
      <c r="H24" s="425">
        <v>0</v>
      </c>
      <c r="I24" s="704">
        <v>0</v>
      </c>
      <c r="J24" s="705"/>
      <c r="K24" s="425">
        <v>0</v>
      </c>
      <c r="L24" s="426">
        <v>0</v>
      </c>
    </row>
    <row r="25" spans="1:14" ht="10.5" x14ac:dyDescent="0.2">
      <c r="A25" s="29" t="s">
        <v>17</v>
      </c>
      <c r="B25" s="704">
        <v>0</v>
      </c>
      <c r="C25" s="705"/>
      <c r="D25" s="704">
        <v>0</v>
      </c>
      <c r="E25" s="705"/>
      <c r="F25" s="704">
        <v>0</v>
      </c>
      <c r="G25" s="705"/>
      <c r="H25" s="425">
        <v>0</v>
      </c>
      <c r="I25" s="704">
        <v>0</v>
      </c>
      <c r="J25" s="705"/>
      <c r="K25" s="425">
        <v>0</v>
      </c>
      <c r="L25" s="426">
        <v>0</v>
      </c>
    </row>
    <row r="26" spans="1:14" ht="10.5" x14ac:dyDescent="0.2">
      <c r="A26" s="29" t="s">
        <v>18</v>
      </c>
      <c r="B26" s="704">
        <v>0</v>
      </c>
      <c r="C26" s="705"/>
      <c r="D26" s="704">
        <v>0</v>
      </c>
      <c r="E26" s="705"/>
      <c r="F26" s="704">
        <v>0</v>
      </c>
      <c r="G26" s="705"/>
      <c r="H26" s="425">
        <v>0</v>
      </c>
      <c r="I26" s="704">
        <v>0</v>
      </c>
      <c r="J26" s="705"/>
      <c r="K26" s="425">
        <v>0</v>
      </c>
      <c r="L26" s="426">
        <v>0</v>
      </c>
    </row>
    <row r="27" spans="1:14" ht="10.5" x14ac:dyDescent="0.2">
      <c r="A27" s="29" t="s">
        <v>119</v>
      </c>
      <c r="B27" s="704">
        <v>0</v>
      </c>
      <c r="C27" s="705"/>
      <c r="D27" s="704">
        <v>0</v>
      </c>
      <c r="E27" s="705"/>
      <c r="F27" s="704">
        <v>0</v>
      </c>
      <c r="G27" s="705"/>
      <c r="H27" s="425">
        <v>0</v>
      </c>
      <c r="I27" s="704">
        <v>0</v>
      </c>
      <c r="J27" s="705"/>
      <c r="K27" s="425">
        <v>0</v>
      </c>
      <c r="L27" s="426">
        <v>0</v>
      </c>
    </row>
    <row r="28" spans="1:14" ht="24" customHeight="1" x14ac:dyDescent="0.2">
      <c r="A28" s="50" t="s">
        <v>369</v>
      </c>
      <c r="B28" s="704">
        <v>0</v>
      </c>
      <c r="C28" s="705"/>
      <c r="D28" s="704">
        <v>0</v>
      </c>
      <c r="E28" s="705"/>
      <c r="F28" s="704">
        <v>0</v>
      </c>
      <c r="G28" s="705"/>
      <c r="H28" s="425">
        <v>0</v>
      </c>
      <c r="I28" s="704">
        <v>0</v>
      </c>
      <c r="J28" s="705"/>
      <c r="K28" s="425">
        <v>0</v>
      </c>
      <c r="L28" s="426">
        <v>0</v>
      </c>
    </row>
    <row r="29" spans="1:14" ht="10.5" x14ac:dyDescent="0.2">
      <c r="A29" s="50" t="s">
        <v>370</v>
      </c>
      <c r="B29" s="704">
        <v>0</v>
      </c>
      <c r="C29" s="705"/>
      <c r="D29" s="704">
        <v>16619195.48</v>
      </c>
      <c r="E29" s="705"/>
      <c r="F29" s="704">
        <v>4240724.63</v>
      </c>
      <c r="G29" s="705"/>
      <c r="H29" s="425">
        <v>0</v>
      </c>
      <c r="I29" s="704">
        <v>16619195.48</v>
      </c>
      <c r="J29" s="705"/>
      <c r="K29" s="425">
        <v>0</v>
      </c>
      <c r="L29" s="426">
        <v>0</v>
      </c>
    </row>
    <row r="30" spans="1:14" ht="10.5" x14ac:dyDescent="0.2">
      <c r="A30" s="29" t="s">
        <v>19</v>
      </c>
      <c r="B30" s="704">
        <v>0</v>
      </c>
      <c r="C30" s="705"/>
      <c r="D30" s="704">
        <v>0</v>
      </c>
      <c r="E30" s="705"/>
      <c r="F30" s="704">
        <v>0</v>
      </c>
      <c r="G30" s="705"/>
      <c r="H30" s="425">
        <v>0</v>
      </c>
      <c r="I30" s="704">
        <v>0</v>
      </c>
      <c r="J30" s="705"/>
      <c r="K30" s="425">
        <v>0</v>
      </c>
      <c r="L30" s="426">
        <v>0</v>
      </c>
    </row>
    <row r="31" spans="1:14" ht="10.5" x14ac:dyDescent="0.2">
      <c r="A31" s="146" t="s">
        <v>20</v>
      </c>
      <c r="B31" s="704">
        <v>0</v>
      </c>
      <c r="C31" s="705"/>
      <c r="D31" s="704">
        <v>0</v>
      </c>
      <c r="E31" s="705"/>
      <c r="F31" s="704">
        <v>0</v>
      </c>
      <c r="G31" s="705"/>
      <c r="H31" s="425">
        <v>0</v>
      </c>
      <c r="I31" s="704">
        <v>0</v>
      </c>
      <c r="J31" s="705"/>
      <c r="K31" s="425">
        <v>0</v>
      </c>
      <c r="L31" s="426">
        <v>0</v>
      </c>
    </row>
    <row r="32" spans="1:14" ht="10.5" x14ac:dyDescent="0.2">
      <c r="A32" s="29" t="s">
        <v>21</v>
      </c>
      <c r="B32" s="704">
        <v>0</v>
      </c>
      <c r="C32" s="705"/>
      <c r="D32" s="704">
        <v>0</v>
      </c>
      <c r="E32" s="705"/>
      <c r="F32" s="704">
        <v>0</v>
      </c>
      <c r="G32" s="705"/>
      <c r="H32" s="425">
        <v>0</v>
      </c>
      <c r="I32" s="704">
        <v>0</v>
      </c>
      <c r="J32" s="705"/>
      <c r="K32" s="425">
        <v>0</v>
      </c>
      <c r="L32" s="426">
        <v>0</v>
      </c>
    </row>
    <row r="33" spans="1:14" ht="10.5" x14ac:dyDescent="0.2">
      <c r="A33" s="29" t="s">
        <v>22</v>
      </c>
      <c r="B33" s="704">
        <v>0</v>
      </c>
      <c r="C33" s="705"/>
      <c r="D33" s="704">
        <v>0</v>
      </c>
      <c r="E33" s="705"/>
      <c r="F33" s="704">
        <v>0</v>
      </c>
      <c r="G33" s="705"/>
      <c r="H33" s="425">
        <v>0</v>
      </c>
      <c r="I33" s="704">
        <v>0</v>
      </c>
      <c r="J33" s="705"/>
      <c r="K33" s="425">
        <v>0</v>
      </c>
      <c r="L33" s="426">
        <v>0</v>
      </c>
    </row>
    <row r="34" spans="1:14" ht="10.5" x14ac:dyDescent="0.2">
      <c r="A34" s="29" t="s">
        <v>23</v>
      </c>
      <c r="B34" s="704">
        <v>0</v>
      </c>
      <c r="C34" s="705"/>
      <c r="D34" s="704">
        <v>0</v>
      </c>
      <c r="E34" s="705"/>
      <c r="F34" s="704">
        <v>0</v>
      </c>
      <c r="G34" s="705"/>
      <c r="H34" s="425">
        <v>0</v>
      </c>
      <c r="I34" s="704">
        <v>0</v>
      </c>
      <c r="J34" s="705"/>
      <c r="K34" s="425">
        <v>0</v>
      </c>
      <c r="L34" s="426">
        <v>0</v>
      </c>
    </row>
    <row r="35" spans="1:14" ht="10.5" x14ac:dyDescent="0.2">
      <c r="A35" s="146" t="s">
        <v>24</v>
      </c>
      <c r="B35" s="704">
        <v>0</v>
      </c>
      <c r="C35" s="705"/>
      <c r="D35" s="704">
        <v>0</v>
      </c>
      <c r="E35" s="705"/>
      <c r="F35" s="704">
        <v>0</v>
      </c>
      <c r="G35" s="705"/>
      <c r="H35" s="425">
        <v>0</v>
      </c>
      <c r="I35" s="704">
        <v>0</v>
      </c>
      <c r="J35" s="705"/>
      <c r="K35" s="425">
        <v>0</v>
      </c>
      <c r="L35" s="426">
        <v>0</v>
      </c>
    </row>
    <row r="36" spans="1:14" ht="10.5" x14ac:dyDescent="0.2">
      <c r="A36" s="29" t="s">
        <v>371</v>
      </c>
      <c r="B36" s="704">
        <v>0</v>
      </c>
      <c r="C36" s="705"/>
      <c r="D36" s="704">
        <v>0</v>
      </c>
      <c r="E36" s="705"/>
      <c r="F36" s="704">
        <v>0</v>
      </c>
      <c r="G36" s="705"/>
      <c r="H36" s="425">
        <v>0</v>
      </c>
      <c r="I36" s="704">
        <v>0</v>
      </c>
      <c r="J36" s="705"/>
      <c r="K36" s="425">
        <v>0</v>
      </c>
      <c r="L36" s="426">
        <v>0</v>
      </c>
    </row>
    <row r="37" spans="1:14" ht="10.5" x14ac:dyDescent="0.2">
      <c r="A37" s="29" t="s">
        <v>25</v>
      </c>
      <c r="B37" s="704">
        <v>0</v>
      </c>
      <c r="C37" s="705"/>
      <c r="D37" s="704">
        <v>0</v>
      </c>
      <c r="E37" s="705"/>
      <c r="F37" s="704">
        <v>0</v>
      </c>
      <c r="G37" s="705"/>
      <c r="H37" s="425">
        <v>0</v>
      </c>
      <c r="I37" s="704">
        <v>0</v>
      </c>
      <c r="J37" s="705"/>
      <c r="K37" s="425">
        <v>0</v>
      </c>
      <c r="L37" s="426">
        <v>0</v>
      </c>
    </row>
    <row r="38" spans="1:14" ht="10.5" x14ac:dyDescent="0.2">
      <c r="A38" s="29" t="s">
        <v>26</v>
      </c>
      <c r="B38" s="704">
        <v>0</v>
      </c>
      <c r="C38" s="705"/>
      <c r="D38" s="704">
        <v>0</v>
      </c>
      <c r="E38" s="705"/>
      <c r="F38" s="704">
        <v>0</v>
      </c>
      <c r="G38" s="705"/>
      <c r="H38" s="425">
        <v>0</v>
      </c>
      <c r="I38" s="704">
        <v>0</v>
      </c>
      <c r="J38" s="705"/>
      <c r="K38" s="425">
        <v>0</v>
      </c>
      <c r="L38" s="426">
        <v>0</v>
      </c>
    </row>
    <row r="39" spans="1:14" ht="10.5" x14ac:dyDescent="0.2">
      <c r="A39" s="51" t="s">
        <v>27</v>
      </c>
      <c r="B39" s="704">
        <v>0</v>
      </c>
      <c r="C39" s="705"/>
      <c r="D39" s="704">
        <v>0</v>
      </c>
      <c r="E39" s="705"/>
      <c r="F39" s="704">
        <v>0</v>
      </c>
      <c r="G39" s="705"/>
      <c r="H39" s="425">
        <v>0</v>
      </c>
      <c r="I39" s="704">
        <v>0</v>
      </c>
      <c r="J39" s="705"/>
      <c r="K39" s="425">
        <v>0</v>
      </c>
      <c r="L39" s="426">
        <v>0</v>
      </c>
    </row>
    <row r="40" spans="1:14" ht="10.5" x14ac:dyDescent="0.2">
      <c r="A40" s="146" t="s">
        <v>28</v>
      </c>
      <c r="B40" s="704">
        <v>5700</v>
      </c>
      <c r="C40" s="705"/>
      <c r="D40" s="704">
        <v>5700</v>
      </c>
      <c r="E40" s="705"/>
      <c r="F40" s="704">
        <v>0</v>
      </c>
      <c r="G40" s="705"/>
      <c r="H40" s="425">
        <v>0</v>
      </c>
      <c r="I40" s="704">
        <v>0</v>
      </c>
      <c r="J40" s="705"/>
      <c r="K40" s="425">
        <v>0</v>
      </c>
      <c r="L40" s="426">
        <v>5700</v>
      </c>
    </row>
    <row r="41" spans="1:14" ht="10.5" x14ac:dyDescent="0.2">
      <c r="A41" s="146" t="s">
        <v>29</v>
      </c>
      <c r="B41" s="704">
        <v>0</v>
      </c>
      <c r="C41" s="705"/>
      <c r="D41" s="704">
        <v>0</v>
      </c>
      <c r="E41" s="705"/>
      <c r="F41" s="704">
        <v>0</v>
      </c>
      <c r="G41" s="705"/>
      <c r="H41" s="425">
        <v>0</v>
      </c>
      <c r="I41" s="704">
        <v>0</v>
      </c>
      <c r="J41" s="705"/>
      <c r="K41" s="425">
        <v>0</v>
      </c>
      <c r="L41" s="426">
        <v>0</v>
      </c>
      <c r="M41" s="56"/>
      <c r="N41" s="56"/>
    </row>
    <row r="42" spans="1:14" ht="10.5" x14ac:dyDescent="0.2">
      <c r="A42" s="29" t="s">
        <v>30</v>
      </c>
      <c r="B42" s="704">
        <v>0</v>
      </c>
      <c r="C42" s="705"/>
      <c r="D42" s="704">
        <v>0</v>
      </c>
      <c r="E42" s="705"/>
      <c r="F42" s="704">
        <v>0</v>
      </c>
      <c r="G42" s="705"/>
      <c r="H42" s="425">
        <v>0</v>
      </c>
      <c r="I42" s="704">
        <v>0</v>
      </c>
      <c r="J42" s="705"/>
      <c r="K42" s="425">
        <v>0</v>
      </c>
      <c r="L42" s="426">
        <v>0</v>
      </c>
    </row>
    <row r="43" spans="1:14" ht="10.5" x14ac:dyDescent="0.2">
      <c r="A43" s="29" t="s">
        <v>31</v>
      </c>
      <c r="B43" s="704">
        <v>0</v>
      </c>
      <c r="C43" s="705"/>
      <c r="D43" s="704">
        <v>0</v>
      </c>
      <c r="E43" s="705"/>
      <c r="F43" s="704">
        <v>0</v>
      </c>
      <c r="G43" s="705"/>
      <c r="H43" s="425">
        <v>0</v>
      </c>
      <c r="I43" s="704">
        <v>0</v>
      </c>
      <c r="J43" s="705"/>
      <c r="K43" s="425">
        <v>0</v>
      </c>
      <c r="L43" s="426">
        <v>0</v>
      </c>
    </row>
    <row r="44" spans="1:14" ht="10.5" x14ac:dyDescent="0.2">
      <c r="A44" s="29" t="s">
        <v>32</v>
      </c>
      <c r="B44" s="704">
        <v>0</v>
      </c>
      <c r="C44" s="705"/>
      <c r="D44" s="704">
        <v>0</v>
      </c>
      <c r="E44" s="705"/>
      <c r="F44" s="704">
        <v>0</v>
      </c>
      <c r="G44" s="705"/>
      <c r="H44" s="425">
        <v>0</v>
      </c>
      <c r="I44" s="704">
        <v>0</v>
      </c>
      <c r="J44" s="705"/>
      <c r="K44" s="425">
        <v>0</v>
      </c>
      <c r="L44" s="426">
        <v>0</v>
      </c>
    </row>
    <row r="45" spans="1:14" ht="10.5" x14ac:dyDescent="0.2">
      <c r="A45" s="29" t="s">
        <v>33</v>
      </c>
      <c r="B45" s="704">
        <v>0</v>
      </c>
      <c r="C45" s="705"/>
      <c r="D45" s="704">
        <v>0</v>
      </c>
      <c r="E45" s="705"/>
      <c r="F45" s="704">
        <v>0</v>
      </c>
      <c r="G45" s="705"/>
      <c r="H45" s="425">
        <v>0</v>
      </c>
      <c r="I45" s="704">
        <v>0</v>
      </c>
      <c r="J45" s="705"/>
      <c r="K45" s="425">
        <v>0</v>
      </c>
      <c r="L45" s="426">
        <v>0</v>
      </c>
    </row>
    <row r="46" spans="1:14" ht="10.5" x14ac:dyDescent="0.2">
      <c r="A46" s="29" t="s">
        <v>34</v>
      </c>
      <c r="B46" s="704">
        <v>0</v>
      </c>
      <c r="C46" s="705"/>
      <c r="D46" s="704">
        <v>0</v>
      </c>
      <c r="E46" s="705"/>
      <c r="F46" s="704">
        <v>0</v>
      </c>
      <c r="G46" s="705"/>
      <c r="H46" s="425">
        <v>0</v>
      </c>
      <c r="I46" s="704">
        <v>0</v>
      </c>
      <c r="J46" s="705"/>
      <c r="K46" s="425">
        <v>0</v>
      </c>
      <c r="L46" s="426">
        <v>0</v>
      </c>
    </row>
    <row r="47" spans="1:14" ht="10.5" x14ac:dyDescent="0.2">
      <c r="A47" s="52" t="s">
        <v>35</v>
      </c>
      <c r="B47" s="704">
        <v>0</v>
      </c>
      <c r="C47" s="705"/>
      <c r="D47" s="704">
        <v>0</v>
      </c>
      <c r="E47" s="705"/>
      <c r="F47" s="704">
        <v>0</v>
      </c>
      <c r="G47" s="705"/>
      <c r="H47" s="425">
        <v>0</v>
      </c>
      <c r="I47" s="704">
        <v>0</v>
      </c>
      <c r="J47" s="705"/>
      <c r="K47" s="425">
        <v>0</v>
      </c>
      <c r="L47" s="426">
        <v>0</v>
      </c>
    </row>
    <row r="48" spans="1:14" ht="10.5" x14ac:dyDescent="0.2">
      <c r="A48" s="146" t="s">
        <v>36</v>
      </c>
      <c r="B48" s="704">
        <v>40871500</v>
      </c>
      <c r="C48" s="705"/>
      <c r="D48" s="704">
        <v>260248027.25999999</v>
      </c>
      <c r="E48" s="705"/>
      <c r="F48" s="704">
        <v>83113329.730000004</v>
      </c>
      <c r="G48" s="705"/>
      <c r="H48" s="425">
        <v>31.936199711118611</v>
      </c>
      <c r="I48" s="704">
        <v>260236527.25999999</v>
      </c>
      <c r="J48" s="705"/>
      <c r="K48" s="425">
        <v>99.995581138454313</v>
      </c>
      <c r="L48" s="426">
        <v>11500</v>
      </c>
    </row>
    <row r="49" spans="1:14" ht="10.5" x14ac:dyDescent="0.2">
      <c r="A49" s="29" t="s">
        <v>37</v>
      </c>
      <c r="B49" s="704">
        <v>11500</v>
      </c>
      <c r="C49" s="705"/>
      <c r="D49" s="704">
        <v>11500</v>
      </c>
      <c r="E49" s="705"/>
      <c r="F49" s="704">
        <v>0</v>
      </c>
      <c r="G49" s="705"/>
      <c r="H49" s="425">
        <v>0</v>
      </c>
      <c r="I49" s="704">
        <v>0</v>
      </c>
      <c r="J49" s="705"/>
      <c r="K49" s="425">
        <v>0</v>
      </c>
      <c r="L49" s="426">
        <v>11500</v>
      </c>
    </row>
    <row r="50" spans="1:14" ht="10.5" x14ac:dyDescent="0.2">
      <c r="A50" s="29" t="s">
        <v>38</v>
      </c>
      <c r="B50" s="704">
        <v>0</v>
      </c>
      <c r="C50" s="705"/>
      <c r="D50" s="704">
        <v>0</v>
      </c>
      <c r="E50" s="705"/>
      <c r="F50" s="704">
        <v>0</v>
      </c>
      <c r="G50" s="705"/>
      <c r="H50" s="425">
        <v>0</v>
      </c>
      <c r="I50" s="704">
        <v>0</v>
      </c>
      <c r="J50" s="705"/>
      <c r="K50" s="425">
        <v>0</v>
      </c>
      <c r="L50" s="426">
        <v>0</v>
      </c>
    </row>
    <row r="51" spans="1:14" ht="10.5" x14ac:dyDescent="0.2">
      <c r="A51" s="29" t="s">
        <v>39</v>
      </c>
      <c r="B51" s="704">
        <v>0</v>
      </c>
      <c r="C51" s="705"/>
      <c r="D51" s="704">
        <v>0</v>
      </c>
      <c r="E51" s="705"/>
      <c r="F51" s="704">
        <v>0</v>
      </c>
      <c r="G51" s="705"/>
      <c r="H51" s="425">
        <v>0</v>
      </c>
      <c r="I51" s="704">
        <v>0</v>
      </c>
      <c r="J51" s="705"/>
      <c r="K51" s="425">
        <v>0</v>
      </c>
      <c r="L51" s="426">
        <v>0</v>
      </c>
    </row>
    <row r="52" spans="1:14" ht="21" x14ac:dyDescent="0.2">
      <c r="A52" s="50" t="s">
        <v>372</v>
      </c>
      <c r="B52" s="704">
        <v>0</v>
      </c>
      <c r="C52" s="705"/>
      <c r="D52" s="704">
        <v>0</v>
      </c>
      <c r="E52" s="705"/>
      <c r="F52" s="704">
        <v>0</v>
      </c>
      <c r="G52" s="705"/>
      <c r="H52" s="425">
        <v>0</v>
      </c>
      <c r="I52" s="704">
        <v>0</v>
      </c>
      <c r="J52" s="705"/>
      <c r="K52" s="425">
        <v>0</v>
      </c>
      <c r="L52" s="426">
        <v>0</v>
      </c>
    </row>
    <row r="53" spans="1:14" ht="10.5" x14ac:dyDescent="0.2">
      <c r="A53" s="52" t="s">
        <v>54</v>
      </c>
      <c r="B53" s="704">
        <v>40860000</v>
      </c>
      <c r="C53" s="705"/>
      <c r="D53" s="704">
        <v>260236527.25999999</v>
      </c>
      <c r="E53" s="705"/>
      <c r="F53" s="704">
        <v>83113329.730000004</v>
      </c>
      <c r="G53" s="705"/>
      <c r="H53" s="425">
        <v>31.937610989929254</v>
      </c>
      <c r="I53" s="704">
        <v>260236527.25999999</v>
      </c>
      <c r="J53" s="705"/>
      <c r="K53" s="425">
        <v>100</v>
      </c>
      <c r="L53" s="426">
        <v>0</v>
      </c>
    </row>
    <row r="54" spans="1:14" ht="10.5" x14ac:dyDescent="0.2">
      <c r="A54" s="146" t="s">
        <v>40</v>
      </c>
      <c r="B54" s="716">
        <v>0</v>
      </c>
      <c r="C54" s="717"/>
      <c r="D54" s="716">
        <v>0</v>
      </c>
      <c r="E54" s="717"/>
      <c r="F54" s="716">
        <v>0</v>
      </c>
      <c r="G54" s="717"/>
      <c r="H54" s="423">
        <v>0</v>
      </c>
      <c r="I54" s="716">
        <v>0</v>
      </c>
      <c r="J54" s="717"/>
      <c r="K54" s="423">
        <v>0</v>
      </c>
      <c r="L54" s="466">
        <v>0</v>
      </c>
    </row>
    <row r="55" spans="1:14" ht="10.5" x14ac:dyDescent="0.2">
      <c r="A55" s="146" t="s">
        <v>41</v>
      </c>
      <c r="B55" s="704">
        <v>0</v>
      </c>
      <c r="C55" s="705"/>
      <c r="D55" s="704">
        <v>0</v>
      </c>
      <c r="E55" s="705"/>
      <c r="F55" s="704">
        <v>0</v>
      </c>
      <c r="G55" s="705"/>
      <c r="H55" s="425">
        <v>0</v>
      </c>
      <c r="I55" s="704">
        <v>0</v>
      </c>
      <c r="J55" s="705"/>
      <c r="K55" s="425">
        <v>0</v>
      </c>
      <c r="L55" s="426">
        <v>0</v>
      </c>
    </row>
    <row r="56" spans="1:14" ht="10.5" x14ac:dyDescent="0.2">
      <c r="A56" s="29" t="s">
        <v>42</v>
      </c>
      <c r="B56" s="704">
        <v>0</v>
      </c>
      <c r="C56" s="705"/>
      <c r="D56" s="704">
        <v>0</v>
      </c>
      <c r="E56" s="705"/>
      <c r="F56" s="704">
        <v>0</v>
      </c>
      <c r="G56" s="705"/>
      <c r="H56" s="425">
        <v>0</v>
      </c>
      <c r="I56" s="704">
        <v>0</v>
      </c>
      <c r="J56" s="705"/>
      <c r="K56" s="425">
        <v>0</v>
      </c>
      <c r="L56" s="426">
        <v>0</v>
      </c>
    </row>
    <row r="57" spans="1:14" ht="10.5" x14ac:dyDescent="0.2">
      <c r="A57" s="29" t="s">
        <v>43</v>
      </c>
      <c r="B57" s="704">
        <v>0</v>
      </c>
      <c r="C57" s="705"/>
      <c r="D57" s="704">
        <v>0</v>
      </c>
      <c r="E57" s="705"/>
      <c r="F57" s="704">
        <v>0</v>
      </c>
      <c r="G57" s="705"/>
      <c r="H57" s="425">
        <v>0</v>
      </c>
      <c r="I57" s="704">
        <v>0</v>
      </c>
      <c r="J57" s="705"/>
      <c r="K57" s="425">
        <v>0</v>
      </c>
      <c r="L57" s="426">
        <v>0</v>
      </c>
    </row>
    <row r="58" spans="1:14" ht="10.5" x14ac:dyDescent="0.2">
      <c r="A58" s="146" t="s">
        <v>44</v>
      </c>
      <c r="B58" s="704">
        <v>0</v>
      </c>
      <c r="C58" s="705"/>
      <c r="D58" s="704">
        <v>0</v>
      </c>
      <c r="E58" s="705"/>
      <c r="F58" s="704">
        <v>0</v>
      </c>
      <c r="G58" s="705"/>
      <c r="H58" s="425">
        <v>0</v>
      </c>
      <c r="I58" s="704">
        <v>0</v>
      </c>
      <c r="J58" s="705"/>
      <c r="K58" s="425">
        <v>0</v>
      </c>
      <c r="L58" s="426">
        <v>0</v>
      </c>
      <c r="M58" s="56"/>
      <c r="N58" s="56"/>
    </row>
    <row r="59" spans="1:14" ht="10.5" x14ac:dyDescent="0.2">
      <c r="A59" s="29" t="s">
        <v>45</v>
      </c>
      <c r="B59" s="704">
        <v>0</v>
      </c>
      <c r="C59" s="705"/>
      <c r="D59" s="704">
        <v>0</v>
      </c>
      <c r="E59" s="705"/>
      <c r="F59" s="704">
        <v>0</v>
      </c>
      <c r="G59" s="705"/>
      <c r="H59" s="425">
        <v>0</v>
      </c>
      <c r="I59" s="704">
        <v>0</v>
      </c>
      <c r="J59" s="705"/>
      <c r="K59" s="425">
        <v>0</v>
      </c>
      <c r="L59" s="426">
        <v>0</v>
      </c>
    </row>
    <row r="60" spans="1:14" ht="10.5" x14ac:dyDescent="0.2">
      <c r="A60" s="29" t="s">
        <v>46</v>
      </c>
      <c r="B60" s="704">
        <v>0</v>
      </c>
      <c r="C60" s="705"/>
      <c r="D60" s="704">
        <v>0</v>
      </c>
      <c r="E60" s="705"/>
      <c r="F60" s="704">
        <v>0</v>
      </c>
      <c r="G60" s="705"/>
      <c r="H60" s="425">
        <v>0</v>
      </c>
      <c r="I60" s="704">
        <v>0</v>
      </c>
      <c r="J60" s="705"/>
      <c r="K60" s="425">
        <v>0</v>
      </c>
      <c r="L60" s="426">
        <v>0</v>
      </c>
    </row>
    <row r="61" spans="1:14" ht="10.5" x14ac:dyDescent="0.2">
      <c r="A61" s="146" t="s">
        <v>47</v>
      </c>
      <c r="B61" s="704">
        <v>0</v>
      </c>
      <c r="C61" s="705"/>
      <c r="D61" s="704">
        <v>0</v>
      </c>
      <c r="E61" s="705"/>
      <c r="F61" s="704">
        <v>0</v>
      </c>
      <c r="G61" s="705"/>
      <c r="H61" s="425">
        <v>0</v>
      </c>
      <c r="I61" s="704">
        <v>0</v>
      </c>
      <c r="J61" s="705"/>
      <c r="K61" s="425">
        <v>0</v>
      </c>
      <c r="L61" s="426">
        <v>0</v>
      </c>
    </row>
    <row r="62" spans="1:14" ht="10.5" x14ac:dyDescent="0.2">
      <c r="A62" s="146" t="s">
        <v>48</v>
      </c>
      <c r="B62" s="704">
        <v>0</v>
      </c>
      <c r="C62" s="705"/>
      <c r="D62" s="704">
        <v>0</v>
      </c>
      <c r="E62" s="705"/>
      <c r="F62" s="704">
        <v>0</v>
      </c>
      <c r="G62" s="705"/>
      <c r="H62" s="425">
        <v>0</v>
      </c>
      <c r="I62" s="704">
        <v>0</v>
      </c>
      <c r="J62" s="705"/>
      <c r="K62" s="425">
        <v>0</v>
      </c>
      <c r="L62" s="426">
        <v>0</v>
      </c>
      <c r="M62" s="56"/>
      <c r="N62" s="56"/>
    </row>
    <row r="63" spans="1:14" ht="10.5" x14ac:dyDescent="0.2">
      <c r="A63" s="29" t="s">
        <v>30</v>
      </c>
      <c r="B63" s="704">
        <v>0</v>
      </c>
      <c r="C63" s="705"/>
      <c r="D63" s="704">
        <v>0</v>
      </c>
      <c r="E63" s="705"/>
      <c r="F63" s="704">
        <v>0</v>
      </c>
      <c r="G63" s="705"/>
      <c r="H63" s="425">
        <v>0</v>
      </c>
      <c r="I63" s="704">
        <v>0</v>
      </c>
      <c r="J63" s="705"/>
      <c r="K63" s="425">
        <v>0</v>
      </c>
      <c r="L63" s="426">
        <v>0</v>
      </c>
    </row>
    <row r="64" spans="1:14" ht="10.5" x14ac:dyDescent="0.2">
      <c r="A64" s="29" t="s">
        <v>31</v>
      </c>
      <c r="B64" s="704">
        <v>0</v>
      </c>
      <c r="C64" s="705"/>
      <c r="D64" s="704">
        <v>0</v>
      </c>
      <c r="E64" s="705"/>
      <c r="F64" s="704">
        <v>0</v>
      </c>
      <c r="G64" s="705"/>
      <c r="H64" s="425">
        <v>0</v>
      </c>
      <c r="I64" s="704">
        <v>0</v>
      </c>
      <c r="J64" s="705"/>
      <c r="K64" s="425">
        <v>0</v>
      </c>
      <c r="L64" s="426">
        <v>0</v>
      </c>
    </row>
    <row r="65" spans="1:12" ht="10.5" x14ac:dyDescent="0.2">
      <c r="A65" s="29" t="s">
        <v>32</v>
      </c>
      <c r="B65" s="704">
        <v>0</v>
      </c>
      <c r="C65" s="705"/>
      <c r="D65" s="704">
        <v>0</v>
      </c>
      <c r="E65" s="705"/>
      <c r="F65" s="704">
        <v>0</v>
      </c>
      <c r="G65" s="705"/>
      <c r="H65" s="425">
        <v>0</v>
      </c>
      <c r="I65" s="704">
        <v>0</v>
      </c>
      <c r="J65" s="705"/>
      <c r="K65" s="425">
        <v>0</v>
      </c>
      <c r="L65" s="426">
        <v>0</v>
      </c>
    </row>
    <row r="66" spans="1:12" ht="10.5" x14ac:dyDescent="0.2">
      <c r="A66" s="29" t="s">
        <v>33</v>
      </c>
      <c r="B66" s="704">
        <v>0</v>
      </c>
      <c r="C66" s="705"/>
      <c r="D66" s="704">
        <v>0</v>
      </c>
      <c r="E66" s="705"/>
      <c r="F66" s="704">
        <v>0</v>
      </c>
      <c r="G66" s="705"/>
      <c r="H66" s="425">
        <v>0</v>
      </c>
      <c r="I66" s="704">
        <v>0</v>
      </c>
      <c r="J66" s="705"/>
      <c r="K66" s="425">
        <v>0</v>
      </c>
      <c r="L66" s="426">
        <v>0</v>
      </c>
    </row>
    <row r="67" spans="1:12" ht="10.5" x14ac:dyDescent="0.2">
      <c r="A67" s="53" t="s">
        <v>49</v>
      </c>
      <c r="B67" s="704">
        <v>0</v>
      </c>
      <c r="C67" s="705"/>
      <c r="D67" s="704">
        <v>0</v>
      </c>
      <c r="E67" s="705"/>
      <c r="F67" s="704">
        <v>0</v>
      </c>
      <c r="G67" s="705"/>
      <c r="H67" s="425">
        <v>0</v>
      </c>
      <c r="I67" s="704">
        <v>0</v>
      </c>
      <c r="J67" s="705"/>
      <c r="K67" s="425">
        <v>0</v>
      </c>
      <c r="L67" s="426">
        <v>0</v>
      </c>
    </row>
    <row r="68" spans="1:12" ht="10.5" x14ac:dyDescent="0.2">
      <c r="A68" s="53" t="s">
        <v>34</v>
      </c>
      <c r="B68" s="704">
        <v>0</v>
      </c>
      <c r="C68" s="705"/>
      <c r="D68" s="704">
        <v>0</v>
      </c>
      <c r="E68" s="705"/>
      <c r="F68" s="704">
        <v>0</v>
      </c>
      <c r="G68" s="705"/>
      <c r="H68" s="425">
        <v>0</v>
      </c>
      <c r="I68" s="704">
        <v>0</v>
      </c>
      <c r="J68" s="705"/>
      <c r="K68" s="425">
        <v>0</v>
      </c>
      <c r="L68" s="426">
        <v>0</v>
      </c>
    </row>
    <row r="69" spans="1:12" ht="10.5" x14ac:dyDescent="0.2">
      <c r="A69" s="53" t="s">
        <v>35</v>
      </c>
      <c r="B69" s="704">
        <v>0</v>
      </c>
      <c r="C69" s="705"/>
      <c r="D69" s="704">
        <v>0</v>
      </c>
      <c r="E69" s="705"/>
      <c r="F69" s="704">
        <v>0</v>
      </c>
      <c r="G69" s="705"/>
      <c r="H69" s="425">
        <v>0</v>
      </c>
      <c r="I69" s="704">
        <v>0</v>
      </c>
      <c r="J69" s="705"/>
      <c r="K69" s="425">
        <v>0</v>
      </c>
      <c r="L69" s="426">
        <v>0</v>
      </c>
    </row>
    <row r="70" spans="1:12" ht="10.5" x14ac:dyDescent="0.2">
      <c r="A70" s="146" t="s">
        <v>50</v>
      </c>
      <c r="B70" s="704">
        <v>0</v>
      </c>
      <c r="C70" s="705"/>
      <c r="D70" s="704">
        <v>0</v>
      </c>
      <c r="E70" s="705"/>
      <c r="F70" s="704">
        <v>0</v>
      </c>
      <c r="G70" s="705"/>
      <c r="H70" s="425">
        <v>0</v>
      </c>
      <c r="I70" s="704">
        <v>0</v>
      </c>
      <c r="J70" s="705"/>
      <c r="K70" s="425">
        <v>0</v>
      </c>
      <c r="L70" s="426">
        <v>0</v>
      </c>
    </row>
    <row r="71" spans="1:12" ht="10.5" x14ac:dyDescent="0.2">
      <c r="A71" s="29" t="s">
        <v>51</v>
      </c>
      <c r="B71" s="704">
        <v>0</v>
      </c>
      <c r="C71" s="705"/>
      <c r="D71" s="704">
        <v>0</v>
      </c>
      <c r="E71" s="705"/>
      <c r="F71" s="704">
        <v>0</v>
      </c>
      <c r="G71" s="705"/>
      <c r="H71" s="425">
        <v>0</v>
      </c>
      <c r="I71" s="704">
        <v>0</v>
      </c>
      <c r="J71" s="705"/>
      <c r="K71" s="425">
        <v>0</v>
      </c>
      <c r="L71" s="426">
        <v>0</v>
      </c>
    </row>
    <row r="72" spans="1:12" ht="10.5" x14ac:dyDescent="0.2">
      <c r="A72" s="54" t="s">
        <v>52</v>
      </c>
      <c r="B72" s="704">
        <v>0</v>
      </c>
      <c r="C72" s="705"/>
      <c r="D72" s="704">
        <v>0</v>
      </c>
      <c r="E72" s="705"/>
      <c r="F72" s="704">
        <v>0</v>
      </c>
      <c r="G72" s="705"/>
      <c r="H72" s="425">
        <v>0</v>
      </c>
      <c r="I72" s="704">
        <v>0</v>
      </c>
      <c r="J72" s="705"/>
      <c r="K72" s="425">
        <v>0</v>
      </c>
      <c r="L72" s="426">
        <v>0</v>
      </c>
    </row>
    <row r="73" spans="1:12" ht="10.5" x14ac:dyDescent="0.2">
      <c r="A73" s="427" t="s">
        <v>53</v>
      </c>
      <c r="B73" s="714">
        <v>0</v>
      </c>
      <c r="C73" s="715"/>
      <c r="D73" s="714">
        <v>0</v>
      </c>
      <c r="E73" s="715"/>
      <c r="F73" s="714">
        <v>0</v>
      </c>
      <c r="G73" s="715"/>
      <c r="H73" s="428">
        <v>0</v>
      </c>
      <c r="I73" s="714">
        <v>0</v>
      </c>
      <c r="J73" s="715"/>
      <c r="K73" s="428">
        <v>0</v>
      </c>
      <c r="L73" s="429">
        <v>0</v>
      </c>
    </row>
    <row r="74" spans="1:12" ht="5.0999999999999996" customHeight="1" x14ac:dyDescent="0.2">
      <c r="F74" s="56"/>
      <c r="G74" s="56"/>
      <c r="H74" s="56"/>
      <c r="I74" s="56"/>
      <c r="J74" s="56"/>
      <c r="K74" s="56"/>
      <c r="L74" s="56"/>
    </row>
    <row r="75" spans="1:12" ht="5.0999999999999996" customHeight="1" x14ac:dyDescent="0.2">
      <c r="F75" s="56"/>
      <c r="G75" s="56"/>
      <c r="H75" s="56"/>
      <c r="I75" s="56"/>
      <c r="J75" s="56"/>
      <c r="K75" s="56"/>
      <c r="L75" s="56"/>
    </row>
    <row r="76" spans="1:12" ht="10.5" x14ac:dyDescent="0.2">
      <c r="A76" s="744" t="s">
        <v>537</v>
      </c>
      <c r="B76" s="418" t="s">
        <v>157</v>
      </c>
      <c r="C76" s="418" t="s">
        <v>157</v>
      </c>
      <c r="D76" s="758" t="s">
        <v>158</v>
      </c>
      <c r="E76" s="766"/>
      <c r="F76" s="755" t="s">
        <v>161</v>
      </c>
      <c r="G76" s="758" t="s">
        <v>159</v>
      </c>
      <c r="H76" s="759"/>
      <c r="I76" s="768" t="s">
        <v>161</v>
      </c>
      <c r="J76" s="770" t="s">
        <v>535</v>
      </c>
      <c r="K76" s="760" t="s">
        <v>636</v>
      </c>
      <c r="L76" s="761"/>
    </row>
    <row r="77" spans="1:12" ht="10.5" x14ac:dyDescent="0.2">
      <c r="A77" s="745"/>
      <c r="B77" s="419" t="s">
        <v>111</v>
      </c>
      <c r="C77" s="419" t="s">
        <v>112</v>
      </c>
      <c r="D77" s="59" t="s">
        <v>430</v>
      </c>
      <c r="E77" s="59" t="s">
        <v>431</v>
      </c>
      <c r="F77" s="756"/>
      <c r="G77" s="59" t="s">
        <v>430</v>
      </c>
      <c r="H77" s="60" t="s">
        <v>431</v>
      </c>
      <c r="I77" s="769"/>
      <c r="J77" s="771"/>
      <c r="K77" s="762"/>
      <c r="L77" s="763"/>
    </row>
    <row r="78" spans="1:12" ht="10.5" x14ac:dyDescent="0.2">
      <c r="A78" s="745"/>
      <c r="B78" s="419"/>
      <c r="C78" s="419"/>
      <c r="D78" s="60" t="s">
        <v>121</v>
      </c>
      <c r="E78" s="60" t="s">
        <v>121</v>
      </c>
      <c r="F78" s="756"/>
      <c r="G78" s="60" t="s">
        <v>121</v>
      </c>
      <c r="H78" s="60" t="s">
        <v>121</v>
      </c>
      <c r="I78" s="769"/>
      <c r="J78" s="771"/>
      <c r="K78" s="762"/>
      <c r="L78" s="763"/>
    </row>
    <row r="79" spans="1:12" s="399" customFormat="1" ht="15" customHeight="1" x14ac:dyDescent="0.2">
      <c r="A79" s="746"/>
      <c r="B79" s="396" t="s">
        <v>162</v>
      </c>
      <c r="C79" s="396" t="s">
        <v>163</v>
      </c>
      <c r="D79" s="398"/>
      <c r="E79" s="396" t="s">
        <v>233</v>
      </c>
      <c r="F79" s="397" t="s">
        <v>539</v>
      </c>
      <c r="G79" s="398"/>
      <c r="H79" s="396" t="s">
        <v>165</v>
      </c>
      <c r="I79" s="396" t="s">
        <v>540</v>
      </c>
      <c r="J79" s="396" t="s">
        <v>349</v>
      </c>
      <c r="K79" s="764"/>
      <c r="L79" s="765"/>
    </row>
    <row r="80" spans="1:12" ht="10.5" x14ac:dyDescent="0.2">
      <c r="A80" s="151" t="s">
        <v>96</v>
      </c>
      <c r="B80" s="491">
        <v>993939500</v>
      </c>
      <c r="C80" s="491">
        <v>1295948358.9000001</v>
      </c>
      <c r="D80" s="491">
        <v>20218563.59</v>
      </c>
      <c r="E80" s="491">
        <v>1095784644.6900001</v>
      </c>
      <c r="F80" s="491">
        <v>200163714.21000004</v>
      </c>
      <c r="G80" s="491">
        <v>175718820.07999998</v>
      </c>
      <c r="H80" s="491">
        <v>741491168.25</v>
      </c>
      <c r="I80" s="491">
        <v>554457190.6500001</v>
      </c>
      <c r="J80" s="491">
        <v>661105326.45000005</v>
      </c>
      <c r="K80" s="712">
        <v>0</v>
      </c>
      <c r="L80" s="767"/>
    </row>
    <row r="81" spans="1:12" ht="10.5" x14ac:dyDescent="0.2">
      <c r="A81" s="62" t="s">
        <v>86</v>
      </c>
      <c r="B81" s="491">
        <v>993939500</v>
      </c>
      <c r="C81" s="491">
        <v>1295948358.9000001</v>
      </c>
      <c r="D81" s="491">
        <v>20218563.59</v>
      </c>
      <c r="E81" s="491">
        <v>1095784644.6900001</v>
      </c>
      <c r="F81" s="491">
        <v>200163714.20999998</v>
      </c>
      <c r="G81" s="491">
        <v>175718820.07999998</v>
      </c>
      <c r="H81" s="491">
        <v>741491168.25</v>
      </c>
      <c r="I81" s="491">
        <v>554457190.64999998</v>
      </c>
      <c r="J81" s="491">
        <v>661105326.45000005</v>
      </c>
      <c r="K81" s="704">
        <v>0</v>
      </c>
      <c r="L81" s="752"/>
    </row>
    <row r="82" spans="1:12" s="44" customFormat="1" ht="10.5" x14ac:dyDescent="0.2">
      <c r="A82" s="62" t="s">
        <v>87</v>
      </c>
      <c r="B82" s="425">
        <v>713422400</v>
      </c>
      <c r="C82" s="425">
        <v>810690471.54999995</v>
      </c>
      <c r="D82" s="425">
        <v>46311602</v>
      </c>
      <c r="E82" s="425">
        <v>641017429.73000002</v>
      </c>
      <c r="F82" s="425">
        <v>169673041.81999993</v>
      </c>
      <c r="G82" s="426">
        <v>105462115.28</v>
      </c>
      <c r="H82" s="426">
        <v>444458918.94</v>
      </c>
      <c r="I82" s="426">
        <v>366231552.60999995</v>
      </c>
      <c r="J82" s="425">
        <v>387236271.88999999</v>
      </c>
      <c r="K82" s="704"/>
      <c r="L82" s="752"/>
    </row>
    <row r="83" spans="1:12" ht="10.5" x14ac:dyDescent="0.2">
      <c r="A83" s="62" t="s">
        <v>88</v>
      </c>
      <c r="B83" s="425">
        <v>0</v>
      </c>
      <c r="C83" s="425">
        <v>0</v>
      </c>
      <c r="D83" s="425">
        <v>0</v>
      </c>
      <c r="E83" s="425">
        <v>0</v>
      </c>
      <c r="F83" s="425">
        <v>0</v>
      </c>
      <c r="G83" s="426">
        <v>0</v>
      </c>
      <c r="H83" s="426">
        <v>0</v>
      </c>
      <c r="I83" s="426">
        <v>0</v>
      </c>
      <c r="J83" s="425">
        <v>0</v>
      </c>
      <c r="K83" s="704"/>
      <c r="L83" s="752"/>
    </row>
    <row r="84" spans="1:12" ht="10.5" x14ac:dyDescent="0.2">
      <c r="A84" s="62" t="s">
        <v>89</v>
      </c>
      <c r="B84" s="492">
        <v>280517100</v>
      </c>
      <c r="C84" s="492">
        <v>485257887.35000002</v>
      </c>
      <c r="D84" s="492">
        <v>-26093038.41</v>
      </c>
      <c r="E84" s="492">
        <v>454767214.95999998</v>
      </c>
      <c r="F84" s="492">
        <v>30490672.390000045</v>
      </c>
      <c r="G84" s="492">
        <v>70256704.799999997</v>
      </c>
      <c r="H84" s="492">
        <v>297032249.31</v>
      </c>
      <c r="I84" s="492">
        <v>188225638.04000002</v>
      </c>
      <c r="J84" s="492">
        <v>273869054.56</v>
      </c>
      <c r="K84" s="704">
        <v>0</v>
      </c>
      <c r="L84" s="752"/>
    </row>
    <row r="85" spans="1:12" ht="10.5" x14ac:dyDescent="0.2">
      <c r="A85" s="63" t="s">
        <v>736</v>
      </c>
      <c r="B85" s="425">
        <v>0</v>
      </c>
      <c r="C85" s="425">
        <v>0</v>
      </c>
      <c r="D85" s="425">
        <v>0</v>
      </c>
      <c r="E85" s="425">
        <v>0</v>
      </c>
      <c r="F85" s="425">
        <v>0</v>
      </c>
      <c r="G85" s="426">
        <v>0</v>
      </c>
      <c r="H85" s="426">
        <v>0</v>
      </c>
      <c r="I85" s="426">
        <v>0</v>
      </c>
      <c r="J85" s="425">
        <v>0</v>
      </c>
      <c r="K85" s="704"/>
      <c r="L85" s="752"/>
    </row>
    <row r="86" spans="1:12" ht="10.5" x14ac:dyDescent="0.2">
      <c r="A86" s="63" t="s">
        <v>737</v>
      </c>
      <c r="B86" s="425">
        <v>280517100</v>
      </c>
      <c r="C86" s="425">
        <v>485257887.35000002</v>
      </c>
      <c r="D86" s="425">
        <v>-26093038.41</v>
      </c>
      <c r="E86" s="425">
        <v>454767214.95999998</v>
      </c>
      <c r="F86" s="425">
        <v>30490672.390000045</v>
      </c>
      <c r="G86" s="426">
        <v>70256704.799999997</v>
      </c>
      <c r="H86" s="426">
        <v>297032249.31</v>
      </c>
      <c r="I86" s="426">
        <v>188225638.04000002</v>
      </c>
      <c r="J86" s="425">
        <v>273869054.56</v>
      </c>
      <c r="K86" s="704"/>
      <c r="L86" s="752"/>
    </row>
    <row r="87" spans="1:12" s="44" customFormat="1" ht="10.5" x14ac:dyDescent="0.2">
      <c r="A87" s="62" t="s">
        <v>90</v>
      </c>
      <c r="B87" s="492">
        <v>0</v>
      </c>
      <c r="C87" s="492">
        <v>0</v>
      </c>
      <c r="D87" s="492">
        <v>0</v>
      </c>
      <c r="E87" s="492">
        <v>0</v>
      </c>
      <c r="F87" s="492">
        <v>0</v>
      </c>
      <c r="G87" s="492">
        <v>0</v>
      </c>
      <c r="H87" s="492">
        <v>0</v>
      </c>
      <c r="I87" s="492">
        <v>0</v>
      </c>
      <c r="J87" s="492">
        <v>0</v>
      </c>
      <c r="K87" s="704">
        <v>0</v>
      </c>
      <c r="L87" s="752"/>
    </row>
    <row r="88" spans="1:12" ht="10.5" x14ac:dyDescent="0.2">
      <c r="A88" s="56" t="s">
        <v>91</v>
      </c>
      <c r="B88" s="425">
        <v>0</v>
      </c>
      <c r="C88" s="425">
        <v>0</v>
      </c>
      <c r="D88" s="425">
        <v>0</v>
      </c>
      <c r="E88" s="425">
        <v>0</v>
      </c>
      <c r="F88" s="425">
        <v>0</v>
      </c>
      <c r="G88" s="426">
        <v>0</v>
      </c>
      <c r="H88" s="426">
        <v>0</v>
      </c>
      <c r="I88" s="426">
        <v>0</v>
      </c>
      <c r="J88" s="425">
        <v>0</v>
      </c>
      <c r="K88" s="704"/>
      <c r="L88" s="752"/>
    </row>
    <row r="89" spans="1:12" ht="10.5" x14ac:dyDescent="0.2">
      <c r="A89" s="56" t="s">
        <v>92</v>
      </c>
      <c r="B89" s="425">
        <v>0</v>
      </c>
      <c r="C89" s="425">
        <v>0</v>
      </c>
      <c r="D89" s="425">
        <v>0</v>
      </c>
      <c r="E89" s="425">
        <v>0</v>
      </c>
      <c r="F89" s="425">
        <v>0</v>
      </c>
      <c r="G89" s="426">
        <v>0</v>
      </c>
      <c r="H89" s="426">
        <v>0</v>
      </c>
      <c r="I89" s="426">
        <v>0</v>
      </c>
      <c r="J89" s="425">
        <v>0</v>
      </c>
      <c r="K89" s="704"/>
      <c r="L89" s="752"/>
    </row>
    <row r="90" spans="1:12" ht="10.5" x14ac:dyDescent="0.2">
      <c r="A90" s="56" t="s">
        <v>93</v>
      </c>
      <c r="B90" s="425">
        <v>0</v>
      </c>
      <c r="C90" s="425">
        <v>0</v>
      </c>
      <c r="D90" s="425">
        <v>0</v>
      </c>
      <c r="E90" s="425">
        <v>0</v>
      </c>
      <c r="F90" s="425">
        <v>0</v>
      </c>
      <c r="G90" s="426">
        <v>0</v>
      </c>
      <c r="H90" s="426">
        <v>0</v>
      </c>
      <c r="I90" s="426">
        <v>0</v>
      </c>
      <c r="J90" s="425">
        <v>0</v>
      </c>
      <c r="K90" s="714"/>
      <c r="L90" s="753"/>
    </row>
    <row r="91" spans="1:12" ht="10.5" x14ac:dyDescent="0.2">
      <c r="A91" s="74" t="s">
        <v>848</v>
      </c>
      <c r="B91" s="154"/>
      <c r="C91" s="154"/>
      <c r="D91" s="154"/>
      <c r="E91" s="154"/>
      <c r="F91" s="448"/>
      <c r="G91" s="154"/>
      <c r="H91" s="154"/>
      <c r="I91" s="448"/>
      <c r="J91" s="154"/>
      <c r="K91" s="154"/>
    </row>
    <row r="92" spans="1:12" ht="10.5" x14ac:dyDescent="0.2">
      <c r="D92" s="205"/>
      <c r="I92" s="205"/>
      <c r="J92" s="205"/>
    </row>
    <row r="93" spans="1:12" ht="10.5" x14ac:dyDescent="0.2">
      <c r="D93" s="205"/>
      <c r="J93" s="205"/>
    </row>
    <row r="94" spans="1:12" ht="10.5" x14ac:dyDescent="0.2">
      <c r="D94" s="205"/>
    </row>
  </sheetData>
  <customSheetViews>
    <customSheetView guid="{C779D862-DE28-46CD-A428-4AAA1056D1E1}" showPageBreaks="1" showGridLines="0" fitToPage="1">
      <selection activeCell="A7" sqref="A7:E7"/>
      <pageMargins left="0.19685039370078741" right="0.19685039370078741" top="0.39370078740157483" bottom="0.19685039370078741" header="0" footer="0"/>
      <printOptions horizontalCentered="1"/>
      <pageSetup paperSize="9" scale="42" orientation="portrait" r:id="rId1"/>
    </customSheetView>
    <customSheetView guid="{3AAF6A5F-F9AA-430B-9AD9-1261ECDF41B5}" showPageBreaks="1" showGridLines="0" fitToPage="1" printArea="1" topLeftCell="B21">
      <selection activeCell="F119" sqref="F119"/>
      <pageMargins left="0.19685039370078741" right="0.19685039370078741" top="0.39370078740157483" bottom="0.19685039370078741" header="0" footer="0"/>
      <printOptions horizontalCentered="1"/>
      <pageSetup paperSize="9" scale="42" orientation="portrait" r:id="rId2"/>
    </customSheetView>
    <customSheetView guid="{25EF1E0D-169B-4051-B414-7E1196FC05E4}" showPageBreaks="1" showGridLines="0" fitToPage="1">
      <selection activeCell="A42" sqref="A42"/>
      <pageMargins left="0.19685039370078741" right="0.19685039370078741" top="0.39370078740157483" bottom="0.19685039370078741" header="0" footer="0"/>
      <printOptions horizontalCentered="1"/>
      <pageSetup paperSize="9" scale="43" orientation="portrait" r:id="rId3"/>
    </customSheetView>
    <customSheetView guid="{82EDB5A4-4824-4632-A540-7A52C92F04C7}" scale="90" showPageBreaks="1" showGridLines="0" fitToPage="1" topLeftCell="A10">
      <pane xSplit="1" ySplit="3" topLeftCell="D62" activePane="bottomRight" state="frozen"/>
      <selection pane="bottomRight" activeCell="A13" sqref="A13"/>
      <pageMargins left="0.19685039370078741" right="0.19685039370078741" top="0.39370078740157483" bottom="0.19685039370078741" header="0" footer="0"/>
      <printOptions horizontalCentered="1"/>
      <pageSetup paperSize="9" scale="43" orientation="portrait" r:id="rId4"/>
    </customSheetView>
    <customSheetView guid="{B4FED47C-EE37-4843-A570-282D4F8229D4}" showGridLines="0" fitToPage="1">
      <pageMargins left="0.19685039370078741" right="0.19685039370078741" top="0.39370078740157483" bottom="0.19685039370078741" header="0" footer="0"/>
      <printOptions horizontalCentered="1"/>
      <pageSetup paperSize="9" scale="39" orientation="portrait" r:id="rId5"/>
    </customSheetView>
    <customSheetView guid="{6DBFA32C-4AA4-4E1D-9A48-697377C64CC3}" showPageBreaks="1" showGridLines="0" fitToPage="1" printArea="1" topLeftCell="A61">
      <selection activeCell="H9" sqref="H9"/>
      <pageMargins left="0.19685039370078741" right="0.19685039370078741" top="0.39370078740157483" bottom="0.19685039370078741" header="0" footer="0"/>
      <printOptions horizontalCentered="1"/>
      <pageSetup paperSize="9" scale="43" orientation="portrait" r:id="rId6"/>
    </customSheetView>
    <customSheetView guid="{09DEEE52-8A8D-4F12-80E3-55185B30DF10}" showGridLines="0" fitToPage="1">
      <pageMargins left="0.19685039370078741" right="0.19685039370078741" top="0.39370078740157483" bottom="0.19685039370078741" header="0" footer="0"/>
      <printOptions horizontalCentered="1"/>
      <pageSetup paperSize="9" scale="42" orientation="portrait" r:id="rId7"/>
    </customSheetView>
  </customSheetViews>
  <mergeCells count="278">
    <mergeCell ref="A2:L2"/>
    <mergeCell ref="A3:L3"/>
    <mergeCell ref="A4:L4"/>
    <mergeCell ref="A5:L5"/>
    <mergeCell ref="A6:L6"/>
    <mergeCell ref="A7:L7"/>
    <mergeCell ref="A10:A12"/>
    <mergeCell ref="B10:C12"/>
    <mergeCell ref="D10:E11"/>
    <mergeCell ref="F10:K10"/>
    <mergeCell ref="L10:L11"/>
    <mergeCell ref="F11:G11"/>
    <mergeCell ref="I11:J11"/>
    <mergeCell ref="D12:E12"/>
    <mergeCell ref="F12:G12"/>
    <mergeCell ref="I12:J12"/>
    <mergeCell ref="B15:C15"/>
    <mergeCell ref="D15:E15"/>
    <mergeCell ref="F15:G15"/>
    <mergeCell ref="I15:J15"/>
    <mergeCell ref="B16:C16"/>
    <mergeCell ref="D16:E16"/>
    <mergeCell ref="F16:G16"/>
    <mergeCell ref="I16:J16"/>
    <mergeCell ref="B13:C13"/>
    <mergeCell ref="D13:E13"/>
    <mergeCell ref="F13:G13"/>
    <mergeCell ref="I13:J13"/>
    <mergeCell ref="B14:C14"/>
    <mergeCell ref="D14:E14"/>
    <mergeCell ref="F14:G14"/>
    <mergeCell ref="I14:J14"/>
    <mergeCell ref="B19:C19"/>
    <mergeCell ref="D19:E19"/>
    <mergeCell ref="F19:G19"/>
    <mergeCell ref="I19:J19"/>
    <mergeCell ref="B20:C20"/>
    <mergeCell ref="D20:E20"/>
    <mergeCell ref="F20:G20"/>
    <mergeCell ref="I20:J20"/>
    <mergeCell ref="B17:C17"/>
    <mergeCell ref="D17:E17"/>
    <mergeCell ref="F17:G17"/>
    <mergeCell ref="I17:J17"/>
    <mergeCell ref="B18:C18"/>
    <mergeCell ref="D18:E18"/>
    <mergeCell ref="F18:G18"/>
    <mergeCell ref="I18:J18"/>
    <mergeCell ref="B23:C23"/>
    <mergeCell ref="D23:E23"/>
    <mergeCell ref="F23:G23"/>
    <mergeCell ref="I23:J23"/>
    <mergeCell ref="B24:C24"/>
    <mergeCell ref="D24:E24"/>
    <mergeCell ref="F24:G24"/>
    <mergeCell ref="I24:J24"/>
    <mergeCell ref="B21:C21"/>
    <mergeCell ref="D21:E21"/>
    <mergeCell ref="F21:G21"/>
    <mergeCell ref="I21:J21"/>
    <mergeCell ref="B22:C22"/>
    <mergeCell ref="D22:E22"/>
    <mergeCell ref="F22:G22"/>
    <mergeCell ref="I22:J22"/>
    <mergeCell ref="B27:C27"/>
    <mergeCell ref="D27:E27"/>
    <mergeCell ref="F27:G27"/>
    <mergeCell ref="I27:J27"/>
    <mergeCell ref="B28:C28"/>
    <mergeCell ref="D28:E28"/>
    <mergeCell ref="F28:G28"/>
    <mergeCell ref="I28:J28"/>
    <mergeCell ref="B25:C25"/>
    <mergeCell ref="D25:E25"/>
    <mergeCell ref="F25:G25"/>
    <mergeCell ref="I25:J25"/>
    <mergeCell ref="B26:C26"/>
    <mergeCell ref="D26:E26"/>
    <mergeCell ref="F26:G26"/>
    <mergeCell ref="I26:J26"/>
    <mergeCell ref="B31:C31"/>
    <mergeCell ref="D31:E31"/>
    <mergeCell ref="F31:G31"/>
    <mergeCell ref="I31:J31"/>
    <mergeCell ref="B32:C32"/>
    <mergeCell ref="D32:E32"/>
    <mergeCell ref="F32:G32"/>
    <mergeCell ref="I32:J32"/>
    <mergeCell ref="B29:C29"/>
    <mergeCell ref="D29:E29"/>
    <mergeCell ref="F29:G29"/>
    <mergeCell ref="I29:J29"/>
    <mergeCell ref="B30:C30"/>
    <mergeCell ref="D30:E30"/>
    <mergeCell ref="F30:G30"/>
    <mergeCell ref="I30:J30"/>
    <mergeCell ref="B35:C35"/>
    <mergeCell ref="D35:E35"/>
    <mergeCell ref="F35:G35"/>
    <mergeCell ref="I35:J35"/>
    <mergeCell ref="B36:C36"/>
    <mergeCell ref="D36:E36"/>
    <mergeCell ref="F36:G36"/>
    <mergeCell ref="I36:J36"/>
    <mergeCell ref="B33:C33"/>
    <mergeCell ref="D33:E33"/>
    <mergeCell ref="F33:G33"/>
    <mergeCell ref="I33:J33"/>
    <mergeCell ref="B34:C34"/>
    <mergeCell ref="D34:E34"/>
    <mergeCell ref="F34:G34"/>
    <mergeCell ref="I34:J34"/>
    <mergeCell ref="B39:C39"/>
    <mergeCell ref="D39:E39"/>
    <mergeCell ref="F39:G39"/>
    <mergeCell ref="I39:J39"/>
    <mergeCell ref="B40:C40"/>
    <mergeCell ref="D40:E40"/>
    <mergeCell ref="F40:G40"/>
    <mergeCell ref="I40:J40"/>
    <mergeCell ref="B37:C37"/>
    <mergeCell ref="D37:E37"/>
    <mergeCell ref="F37:G37"/>
    <mergeCell ref="I37:J37"/>
    <mergeCell ref="B38:C38"/>
    <mergeCell ref="D38:E38"/>
    <mergeCell ref="F38:G38"/>
    <mergeCell ref="I38:J38"/>
    <mergeCell ref="B43:C43"/>
    <mergeCell ref="D43:E43"/>
    <mergeCell ref="F43:G43"/>
    <mergeCell ref="I43:J43"/>
    <mergeCell ref="B44:C44"/>
    <mergeCell ref="D44:E44"/>
    <mergeCell ref="F44:G44"/>
    <mergeCell ref="I44:J44"/>
    <mergeCell ref="B41:C41"/>
    <mergeCell ref="D41:E41"/>
    <mergeCell ref="F41:G41"/>
    <mergeCell ref="I41:J41"/>
    <mergeCell ref="B42:C42"/>
    <mergeCell ref="D42:E42"/>
    <mergeCell ref="F42:G42"/>
    <mergeCell ref="I42:J42"/>
    <mergeCell ref="B47:C47"/>
    <mergeCell ref="D47:E47"/>
    <mergeCell ref="F47:G47"/>
    <mergeCell ref="I47:J47"/>
    <mergeCell ref="B48:C48"/>
    <mergeCell ref="D48:E48"/>
    <mergeCell ref="F48:G48"/>
    <mergeCell ref="I48:J48"/>
    <mergeCell ref="B45:C45"/>
    <mergeCell ref="D45:E45"/>
    <mergeCell ref="F45:G45"/>
    <mergeCell ref="I45:J45"/>
    <mergeCell ref="B46:C46"/>
    <mergeCell ref="D46:E46"/>
    <mergeCell ref="F46:G46"/>
    <mergeCell ref="I46:J46"/>
    <mergeCell ref="B51:C51"/>
    <mergeCell ref="D51:E51"/>
    <mergeCell ref="F51:G51"/>
    <mergeCell ref="I51:J51"/>
    <mergeCell ref="B52:C52"/>
    <mergeCell ref="D52:E52"/>
    <mergeCell ref="F52:G52"/>
    <mergeCell ref="I52:J52"/>
    <mergeCell ref="B49:C49"/>
    <mergeCell ref="D49:E49"/>
    <mergeCell ref="F49:G49"/>
    <mergeCell ref="I49:J49"/>
    <mergeCell ref="B50:C50"/>
    <mergeCell ref="D50:E50"/>
    <mergeCell ref="F50:G50"/>
    <mergeCell ref="I50:J50"/>
    <mergeCell ref="B55:C55"/>
    <mergeCell ref="D55:E55"/>
    <mergeCell ref="F55:G55"/>
    <mergeCell ref="I55:J55"/>
    <mergeCell ref="B56:C56"/>
    <mergeCell ref="D56:E56"/>
    <mergeCell ref="F56:G56"/>
    <mergeCell ref="I56:J56"/>
    <mergeCell ref="B53:C53"/>
    <mergeCell ref="D53:E53"/>
    <mergeCell ref="F53:G53"/>
    <mergeCell ref="I53:J53"/>
    <mergeCell ref="B54:C54"/>
    <mergeCell ref="D54:E54"/>
    <mergeCell ref="F54:G54"/>
    <mergeCell ref="I54:J54"/>
    <mergeCell ref="B59:C59"/>
    <mergeCell ref="D59:E59"/>
    <mergeCell ref="F59:G59"/>
    <mergeCell ref="I59:J59"/>
    <mergeCell ref="B60:C60"/>
    <mergeCell ref="D60:E60"/>
    <mergeCell ref="F60:G60"/>
    <mergeCell ref="I60:J60"/>
    <mergeCell ref="B57:C57"/>
    <mergeCell ref="D57:E57"/>
    <mergeCell ref="F57:G57"/>
    <mergeCell ref="I57:J57"/>
    <mergeCell ref="B58:C58"/>
    <mergeCell ref="D58:E58"/>
    <mergeCell ref="F58:G58"/>
    <mergeCell ref="I58:J58"/>
    <mergeCell ref="B63:C63"/>
    <mergeCell ref="D63:E63"/>
    <mergeCell ref="F63:G63"/>
    <mergeCell ref="I63:J63"/>
    <mergeCell ref="B64:C64"/>
    <mergeCell ref="D64:E64"/>
    <mergeCell ref="F64:G64"/>
    <mergeCell ref="I64:J64"/>
    <mergeCell ref="B61:C61"/>
    <mergeCell ref="D61:E61"/>
    <mergeCell ref="F61:G61"/>
    <mergeCell ref="I61:J61"/>
    <mergeCell ref="B62:C62"/>
    <mergeCell ref="D62:E62"/>
    <mergeCell ref="F62:G62"/>
    <mergeCell ref="I62:J62"/>
    <mergeCell ref="B67:C67"/>
    <mergeCell ref="D67:E67"/>
    <mergeCell ref="F67:G67"/>
    <mergeCell ref="I67:J67"/>
    <mergeCell ref="B68:C68"/>
    <mergeCell ref="D68:E68"/>
    <mergeCell ref="F68:G68"/>
    <mergeCell ref="I68:J68"/>
    <mergeCell ref="B65:C65"/>
    <mergeCell ref="D65:E65"/>
    <mergeCell ref="F65:G65"/>
    <mergeCell ref="I65:J65"/>
    <mergeCell ref="B66:C66"/>
    <mergeCell ref="D66:E66"/>
    <mergeCell ref="F66:G66"/>
    <mergeCell ref="I66:J66"/>
    <mergeCell ref="B71:C71"/>
    <mergeCell ref="D71:E71"/>
    <mergeCell ref="F71:G71"/>
    <mergeCell ref="I71:J71"/>
    <mergeCell ref="B72:C72"/>
    <mergeCell ref="D72:E72"/>
    <mergeCell ref="F72:G72"/>
    <mergeCell ref="I72:J72"/>
    <mergeCell ref="B69:C69"/>
    <mergeCell ref="D69:E69"/>
    <mergeCell ref="F69:G69"/>
    <mergeCell ref="I69:J69"/>
    <mergeCell ref="B70:C70"/>
    <mergeCell ref="D70:E70"/>
    <mergeCell ref="F70:G70"/>
    <mergeCell ref="I70:J70"/>
    <mergeCell ref="B73:C73"/>
    <mergeCell ref="D73:E73"/>
    <mergeCell ref="F73:G73"/>
    <mergeCell ref="I73:J73"/>
    <mergeCell ref="A76:A79"/>
    <mergeCell ref="D76:E76"/>
    <mergeCell ref="F76:F78"/>
    <mergeCell ref="G76:H76"/>
    <mergeCell ref="I76:I78"/>
    <mergeCell ref="J76:J78"/>
    <mergeCell ref="K85:L85"/>
    <mergeCell ref="K86:L86"/>
    <mergeCell ref="K87:L87"/>
    <mergeCell ref="K88:L88"/>
    <mergeCell ref="K89:L89"/>
    <mergeCell ref="K90:L90"/>
    <mergeCell ref="K76:L79"/>
    <mergeCell ref="K80:L80"/>
    <mergeCell ref="K81:L81"/>
    <mergeCell ref="K82:L82"/>
    <mergeCell ref="K83:L83"/>
    <mergeCell ref="K84:L84"/>
  </mergeCells>
  <printOptions horizontalCentered="1"/>
  <pageMargins left="0.19685039370078741" right="0.19685039370078741" top="0.39370078740157483" bottom="0.19685039370078741" header="0" footer="0"/>
  <pageSetup paperSize="9" scale="42" orientation="portrait" r:id="rId8"/>
  <drawing r:id="rId9"/>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5">
    <pageSetUpPr fitToPage="1"/>
  </sheetPr>
  <dimension ref="A1:L202"/>
  <sheetViews>
    <sheetView showGridLines="0" zoomScaleNormal="100" workbookViewId="0"/>
  </sheetViews>
  <sheetFormatPr defaultColWidth="9.140625" defaultRowHeight="11.25" customHeight="1" x14ac:dyDescent="0.2"/>
  <cols>
    <col min="1" max="1" width="45.28515625" style="56" customWidth="1"/>
    <col min="2" max="2" width="21.140625" style="45" customWidth="1"/>
    <col min="3" max="3" width="19.7109375" style="45" customWidth="1"/>
    <col min="4" max="4" width="19.28515625" style="45" customWidth="1"/>
    <col min="5" max="5" width="19.7109375" style="45" customWidth="1"/>
    <col min="6" max="6" width="10.5703125" style="45" customWidth="1"/>
    <col min="7" max="7" width="20.140625" style="45" bestFit="1" customWidth="1"/>
    <col min="8" max="8" width="18.7109375" style="45" customWidth="1"/>
    <col min="9" max="9" width="20.140625" style="45" bestFit="1" customWidth="1"/>
    <col min="10" max="10" width="14.85546875" style="45" customWidth="1"/>
    <col min="11" max="11" width="20.5703125" style="45" customWidth="1"/>
    <col min="12" max="12" width="16.42578125" style="45" customWidth="1"/>
    <col min="13" max="16384" width="9.140625" style="188"/>
  </cols>
  <sheetData>
    <row r="1" spans="1:12" s="26" customFormat="1" ht="10.5" x14ac:dyDescent="0.2">
      <c r="A1" s="128"/>
    </row>
    <row r="2" spans="1:12" s="26" customFormat="1" ht="11.25" customHeight="1" x14ac:dyDescent="0.2">
      <c r="A2" s="128"/>
    </row>
    <row r="3" spans="1:12" s="45" customFormat="1" ht="10.5" x14ac:dyDescent="0.2">
      <c r="A3" s="720" t="s">
        <v>638</v>
      </c>
      <c r="B3" s="720"/>
      <c r="C3" s="720"/>
      <c r="D3" s="720"/>
      <c r="E3" s="720"/>
      <c r="F3" s="720"/>
      <c r="G3" s="720"/>
      <c r="H3" s="720"/>
      <c r="I3" s="720"/>
      <c r="J3" s="720"/>
      <c r="K3" s="720"/>
      <c r="L3" s="720"/>
    </row>
    <row r="4" spans="1:12" s="45" customFormat="1" ht="10.5" x14ac:dyDescent="0.2">
      <c r="A4" s="720" t="s">
        <v>105</v>
      </c>
      <c r="B4" s="720"/>
      <c r="C4" s="720"/>
      <c r="D4" s="720"/>
      <c r="E4" s="720"/>
      <c r="F4" s="720"/>
      <c r="G4" s="720"/>
      <c r="H4" s="720"/>
      <c r="I4" s="720"/>
      <c r="J4" s="720"/>
      <c r="K4" s="720"/>
      <c r="L4" s="720"/>
    </row>
    <row r="5" spans="1:12" s="45" customFormat="1" ht="10.5" x14ac:dyDescent="0.2">
      <c r="A5" s="720" t="s">
        <v>168</v>
      </c>
      <c r="B5" s="720"/>
      <c r="C5" s="720"/>
      <c r="D5" s="720"/>
      <c r="E5" s="720"/>
      <c r="F5" s="720"/>
      <c r="G5" s="720"/>
      <c r="H5" s="720"/>
      <c r="I5" s="720"/>
      <c r="J5" s="720"/>
      <c r="K5" s="720"/>
      <c r="L5" s="720"/>
    </row>
    <row r="6" spans="1:12" s="45" customFormat="1" ht="10.5" x14ac:dyDescent="0.2">
      <c r="A6" s="720" t="s">
        <v>107</v>
      </c>
      <c r="B6" s="720"/>
      <c r="C6" s="720"/>
      <c r="D6" s="720"/>
      <c r="E6" s="720"/>
      <c r="F6" s="720"/>
      <c r="G6" s="720"/>
      <c r="H6" s="720"/>
      <c r="I6" s="720"/>
      <c r="J6" s="720"/>
      <c r="K6" s="720"/>
      <c r="L6" s="720"/>
    </row>
    <row r="7" spans="1:12" s="45" customFormat="1" ht="10.5" x14ac:dyDescent="0.2">
      <c r="A7" s="720" t="s">
        <v>891</v>
      </c>
      <c r="B7" s="720"/>
      <c r="C7" s="720"/>
      <c r="D7" s="720"/>
      <c r="E7" s="720"/>
      <c r="F7" s="720"/>
      <c r="G7" s="720"/>
      <c r="H7" s="720"/>
      <c r="I7" s="720"/>
      <c r="J7" s="720"/>
      <c r="K7" s="720"/>
      <c r="L7" s="720"/>
    </row>
    <row r="8" spans="1:12" s="26" customFormat="1" ht="10.5" x14ac:dyDescent="0.2">
      <c r="A8" s="31"/>
      <c r="B8" s="46"/>
      <c r="C8" s="46"/>
      <c r="D8" s="46"/>
      <c r="E8" s="46"/>
      <c r="F8" s="46"/>
      <c r="G8" s="46"/>
      <c r="H8" s="46"/>
      <c r="I8" s="46"/>
      <c r="J8" s="46"/>
      <c r="K8" s="46"/>
      <c r="L8" s="46"/>
    </row>
    <row r="9" spans="1:12" s="26" customFormat="1" ht="10.5" x14ac:dyDescent="0.2">
      <c r="A9" s="112" t="s">
        <v>363</v>
      </c>
      <c r="B9" s="112"/>
      <c r="E9" s="125"/>
      <c r="F9" s="703"/>
      <c r="G9" s="125"/>
      <c r="L9" s="618">
        <v>1</v>
      </c>
    </row>
    <row r="10" spans="1:12" ht="20.100000000000001" customHeight="1" x14ac:dyDescent="0.2">
      <c r="A10" s="109"/>
      <c r="B10" s="184" t="s">
        <v>157</v>
      </c>
      <c r="C10" s="184" t="s">
        <v>157</v>
      </c>
      <c r="D10" s="729" t="s">
        <v>158</v>
      </c>
      <c r="E10" s="730"/>
      <c r="F10" s="731"/>
      <c r="G10" s="755" t="s">
        <v>161</v>
      </c>
      <c r="H10" s="779" t="s">
        <v>159</v>
      </c>
      <c r="I10" s="780"/>
      <c r="J10" s="781"/>
      <c r="K10" s="755" t="s">
        <v>161</v>
      </c>
      <c r="L10" s="760" t="s">
        <v>732</v>
      </c>
    </row>
    <row r="11" spans="1:12" ht="20.100000000000001" customHeight="1" x14ac:dyDescent="0.15">
      <c r="A11" s="444" t="s">
        <v>169</v>
      </c>
      <c r="B11" s="186" t="s">
        <v>111</v>
      </c>
      <c r="C11" s="186" t="s">
        <v>112</v>
      </c>
      <c r="D11" s="782" t="s">
        <v>113</v>
      </c>
      <c r="E11" s="200" t="s">
        <v>115</v>
      </c>
      <c r="F11" s="200" t="s">
        <v>114</v>
      </c>
      <c r="G11" s="756"/>
      <c r="H11" s="782" t="s">
        <v>113</v>
      </c>
      <c r="I11" s="200" t="s">
        <v>115</v>
      </c>
      <c r="J11" s="200" t="s">
        <v>114</v>
      </c>
      <c r="K11" s="756"/>
      <c r="L11" s="762"/>
    </row>
    <row r="12" spans="1:12" s="19" customFormat="1" ht="20.100000000000001" customHeight="1" x14ac:dyDescent="0.2">
      <c r="A12" s="49"/>
      <c r="B12" s="110"/>
      <c r="C12" s="401" t="s">
        <v>116</v>
      </c>
      <c r="D12" s="783"/>
      <c r="E12" s="401" t="s">
        <v>117</v>
      </c>
      <c r="F12" s="401" t="s">
        <v>59</v>
      </c>
      <c r="G12" s="402" t="s">
        <v>279</v>
      </c>
      <c r="H12" s="783"/>
      <c r="I12" s="401" t="s">
        <v>162</v>
      </c>
      <c r="J12" s="401" t="s">
        <v>542</v>
      </c>
      <c r="K12" s="402" t="s">
        <v>541</v>
      </c>
      <c r="L12" s="764"/>
    </row>
    <row r="13" spans="1:12" s="19" customFormat="1" ht="15" customHeight="1" x14ac:dyDescent="0.2">
      <c r="A13" s="142" t="s">
        <v>220</v>
      </c>
      <c r="B13" s="423">
        <v>12932585500</v>
      </c>
      <c r="C13" s="423">
        <v>13896155861.1</v>
      </c>
      <c r="D13" s="423">
        <v>489065197.34000033</v>
      </c>
      <c r="E13" s="423">
        <v>10213558772.969999</v>
      </c>
      <c r="F13" s="423">
        <v>90.310802278946738</v>
      </c>
      <c r="G13" s="423">
        <v>3682597088.1299992</v>
      </c>
      <c r="H13" s="423">
        <v>1732541904.8700004</v>
      </c>
      <c r="I13" s="423">
        <v>7033629811.9099998</v>
      </c>
      <c r="J13" s="423">
        <v>90.463284492394592</v>
      </c>
      <c r="K13" s="423">
        <v>6862526049.1900005</v>
      </c>
      <c r="L13" s="424">
        <v>0</v>
      </c>
    </row>
    <row r="14" spans="1:12" s="19" customFormat="1" ht="10.5" x14ac:dyDescent="0.2">
      <c r="A14" s="142"/>
      <c r="B14" s="425"/>
      <c r="C14" s="425"/>
      <c r="D14" s="492"/>
      <c r="E14" s="492"/>
      <c r="F14" s="498"/>
      <c r="G14" s="492"/>
      <c r="H14" s="492"/>
      <c r="I14" s="492"/>
      <c r="J14" s="489"/>
      <c r="K14" s="498"/>
      <c r="L14" s="489"/>
    </row>
    <row r="15" spans="1:12" s="185" customFormat="1" ht="10.5" x14ac:dyDescent="0.2">
      <c r="A15" s="142" t="s">
        <v>639</v>
      </c>
      <c r="B15" s="423">
        <v>363933000</v>
      </c>
      <c r="C15" s="423">
        <v>365493000</v>
      </c>
      <c r="D15" s="423">
        <v>44336542.510000005</v>
      </c>
      <c r="E15" s="423">
        <v>271644811.00999999</v>
      </c>
      <c r="F15" s="423">
        <v>2.4019503253019585</v>
      </c>
      <c r="G15" s="423">
        <v>93848188.99000001</v>
      </c>
      <c r="H15" s="423">
        <v>62691058.640000023</v>
      </c>
      <c r="I15" s="423">
        <v>228478586.62999997</v>
      </c>
      <c r="J15" s="423">
        <v>2.9385856144620175</v>
      </c>
      <c r="K15" s="423">
        <v>137014413.37000003</v>
      </c>
      <c r="L15" s="424">
        <v>0</v>
      </c>
    </row>
    <row r="16" spans="1:12" s="268" customFormat="1" ht="10.5" customHeight="1" x14ac:dyDescent="0.2">
      <c r="A16" s="446" t="s">
        <v>640</v>
      </c>
      <c r="B16" s="434">
        <v>206657000</v>
      </c>
      <c r="C16" s="425">
        <v>206657000</v>
      </c>
      <c r="D16" s="425">
        <v>27427433.890000001</v>
      </c>
      <c r="E16" s="425">
        <v>124311631.75</v>
      </c>
      <c r="F16" s="425">
        <v>1.0991940659957531</v>
      </c>
      <c r="G16" s="425">
        <v>82345368.25</v>
      </c>
      <c r="H16" s="425">
        <v>28773743.280000038</v>
      </c>
      <c r="I16" s="425">
        <v>115553420.40999998</v>
      </c>
      <c r="J16" s="425">
        <v>1.4861945004439283</v>
      </c>
      <c r="K16" s="425">
        <v>91103579.590000018</v>
      </c>
      <c r="L16" s="426">
        <v>0</v>
      </c>
    </row>
    <row r="17" spans="1:12" s="268" customFormat="1" ht="10.5" customHeight="1" x14ac:dyDescent="0.2">
      <c r="A17" s="446" t="s">
        <v>641</v>
      </c>
      <c r="B17" s="434">
        <v>157276000</v>
      </c>
      <c r="C17" s="425">
        <v>158836000</v>
      </c>
      <c r="D17" s="425">
        <v>16909108.620000001</v>
      </c>
      <c r="E17" s="425">
        <v>147333179.25999999</v>
      </c>
      <c r="F17" s="425">
        <v>1.3027562593062056</v>
      </c>
      <c r="G17" s="425">
        <v>11502820.74000001</v>
      </c>
      <c r="H17" s="425">
        <v>33917315.359999985</v>
      </c>
      <c r="I17" s="425">
        <v>112925166.21999998</v>
      </c>
      <c r="J17" s="425">
        <v>1.452391114018089</v>
      </c>
      <c r="K17" s="425">
        <v>45910833.780000016</v>
      </c>
      <c r="L17" s="426">
        <v>0</v>
      </c>
    </row>
    <row r="18" spans="1:12" ht="10.5" x14ac:dyDescent="0.2">
      <c r="A18" s="446"/>
      <c r="B18" s="434"/>
      <c r="C18" s="423"/>
      <c r="D18" s="423"/>
      <c r="E18" s="423"/>
      <c r="F18" s="423"/>
      <c r="G18" s="423"/>
      <c r="H18" s="423"/>
      <c r="I18" s="423"/>
      <c r="J18" s="423"/>
      <c r="K18" s="423"/>
      <c r="L18" s="424"/>
    </row>
    <row r="19" spans="1:12" s="66" customFormat="1" ht="10.5" x14ac:dyDescent="0.2">
      <c r="A19" s="142" t="s">
        <v>642</v>
      </c>
      <c r="B19" s="423">
        <v>633355000</v>
      </c>
      <c r="C19" s="423">
        <v>708374800</v>
      </c>
      <c r="D19" s="423">
        <v>32159342.210000001</v>
      </c>
      <c r="E19" s="423">
        <v>681039519.47000003</v>
      </c>
      <c r="F19" s="423">
        <v>6.0219191717755169</v>
      </c>
      <c r="G19" s="423">
        <v>27335280.529999971</v>
      </c>
      <c r="H19" s="423">
        <v>116096007.41</v>
      </c>
      <c r="I19" s="423">
        <v>511955005.27999997</v>
      </c>
      <c r="J19" s="423">
        <v>6.5845278367548277</v>
      </c>
      <c r="K19" s="423">
        <v>196419794.72000003</v>
      </c>
      <c r="L19" s="424">
        <v>0</v>
      </c>
    </row>
    <row r="20" spans="1:12" s="268" customFormat="1" ht="10.5" x14ac:dyDescent="0.2">
      <c r="A20" s="446" t="s">
        <v>643</v>
      </c>
      <c r="B20" s="425">
        <v>633355000</v>
      </c>
      <c r="C20" s="425">
        <v>708374800</v>
      </c>
      <c r="D20" s="425">
        <v>32159342.210000001</v>
      </c>
      <c r="E20" s="425">
        <v>681039519.47000003</v>
      </c>
      <c r="F20" s="425">
        <v>6.0219191717755169</v>
      </c>
      <c r="G20" s="425">
        <v>27335280.529999971</v>
      </c>
      <c r="H20" s="425">
        <v>116096007.41</v>
      </c>
      <c r="I20" s="425">
        <v>511955005.27999997</v>
      </c>
      <c r="J20" s="425">
        <v>6.5845278367548277</v>
      </c>
      <c r="K20" s="425">
        <v>196419794.72000003</v>
      </c>
      <c r="L20" s="426">
        <v>0</v>
      </c>
    </row>
    <row r="21" spans="1:12" s="268" customFormat="1" ht="10.5" x14ac:dyDescent="0.2">
      <c r="A21" s="446" t="s">
        <v>651</v>
      </c>
      <c r="B21" s="425">
        <v>0</v>
      </c>
      <c r="C21" s="425">
        <v>0</v>
      </c>
      <c r="D21" s="425">
        <v>0</v>
      </c>
      <c r="E21" s="425">
        <v>0</v>
      </c>
      <c r="F21" s="425">
        <v>0</v>
      </c>
      <c r="G21" s="425">
        <v>0</v>
      </c>
      <c r="H21" s="425">
        <v>0</v>
      </c>
      <c r="I21" s="425">
        <v>0</v>
      </c>
      <c r="J21" s="425">
        <v>0</v>
      </c>
      <c r="K21" s="425">
        <v>0</v>
      </c>
      <c r="L21" s="426">
        <v>0</v>
      </c>
    </row>
    <row r="22" spans="1:12" s="268" customFormat="1" ht="10.5" x14ac:dyDescent="0.2">
      <c r="A22" s="446" t="s">
        <v>800</v>
      </c>
      <c r="B22" s="425">
        <v>0</v>
      </c>
      <c r="C22" s="425">
        <v>0</v>
      </c>
      <c r="D22" s="425">
        <v>0</v>
      </c>
      <c r="E22" s="425">
        <v>0</v>
      </c>
      <c r="F22" s="425">
        <v>0</v>
      </c>
      <c r="G22" s="425">
        <v>0</v>
      </c>
      <c r="H22" s="425">
        <v>0</v>
      </c>
      <c r="I22" s="425">
        <v>0</v>
      </c>
      <c r="J22" s="425">
        <v>0</v>
      </c>
      <c r="K22" s="425">
        <v>0</v>
      </c>
      <c r="L22" s="426">
        <v>0</v>
      </c>
    </row>
    <row r="23" spans="1:12" s="268" customFormat="1" ht="10.5" x14ac:dyDescent="0.2">
      <c r="A23" s="446" t="s">
        <v>742</v>
      </c>
      <c r="B23" s="425">
        <v>0</v>
      </c>
      <c r="C23" s="425">
        <v>0</v>
      </c>
      <c r="D23" s="425">
        <v>0</v>
      </c>
      <c r="E23" s="425">
        <v>0</v>
      </c>
      <c r="F23" s="425">
        <v>0</v>
      </c>
      <c r="G23" s="425">
        <v>0</v>
      </c>
      <c r="H23" s="425">
        <v>0</v>
      </c>
      <c r="I23" s="425">
        <v>0</v>
      </c>
      <c r="J23" s="425">
        <v>0</v>
      </c>
      <c r="K23" s="425">
        <v>0</v>
      </c>
      <c r="L23" s="426">
        <v>0</v>
      </c>
    </row>
    <row r="24" spans="1:12" ht="10.5" x14ac:dyDescent="0.2">
      <c r="A24" s="446"/>
      <c r="B24" s="425"/>
      <c r="C24" s="423"/>
      <c r="D24" s="423"/>
      <c r="E24" s="423"/>
      <c r="F24" s="423"/>
      <c r="G24" s="423"/>
      <c r="H24" s="423"/>
      <c r="I24" s="423"/>
      <c r="J24" s="423"/>
      <c r="K24" s="423"/>
      <c r="L24" s="424"/>
    </row>
    <row r="25" spans="1:12" s="66" customFormat="1" ht="10.5" x14ac:dyDescent="0.2">
      <c r="A25" s="160" t="s">
        <v>743</v>
      </c>
      <c r="B25" s="423">
        <v>513600900</v>
      </c>
      <c r="C25" s="423">
        <v>523932345.37</v>
      </c>
      <c r="D25" s="423">
        <v>67279397.819999963</v>
      </c>
      <c r="E25" s="423">
        <v>327431921.70000029</v>
      </c>
      <c r="F25" s="423">
        <v>2.8952336984364808</v>
      </c>
      <c r="G25" s="423">
        <v>196500423.66999975</v>
      </c>
      <c r="H25" s="423">
        <v>80990984.269999981</v>
      </c>
      <c r="I25" s="423">
        <v>289377139.06999993</v>
      </c>
      <c r="J25" s="423">
        <v>3.7218345516219218</v>
      </c>
      <c r="K25" s="423">
        <v>234555206.30000007</v>
      </c>
      <c r="L25" s="424">
        <v>0</v>
      </c>
    </row>
    <row r="26" spans="1:12" s="66" customFormat="1" ht="10.5" x14ac:dyDescent="0.2">
      <c r="A26" s="446" t="s">
        <v>643</v>
      </c>
      <c r="B26" s="425">
        <v>0</v>
      </c>
      <c r="C26" s="425">
        <v>0</v>
      </c>
      <c r="D26" s="425">
        <v>0</v>
      </c>
      <c r="E26" s="425">
        <v>0</v>
      </c>
      <c r="F26" s="492">
        <v>0</v>
      </c>
      <c r="G26" s="425">
        <v>0</v>
      </c>
      <c r="H26" s="425">
        <v>0</v>
      </c>
      <c r="I26" s="425">
        <v>0</v>
      </c>
      <c r="J26" s="492">
        <v>0</v>
      </c>
      <c r="K26" s="425">
        <v>0</v>
      </c>
      <c r="L26" s="426">
        <v>0</v>
      </c>
    </row>
    <row r="27" spans="1:12" s="268" customFormat="1" ht="10.5" x14ac:dyDescent="0.2">
      <c r="A27" s="446" t="s">
        <v>644</v>
      </c>
      <c r="B27" s="499">
        <v>331019000</v>
      </c>
      <c r="C27" s="425">
        <v>331049000</v>
      </c>
      <c r="D27" s="425">
        <v>46873790.579999961</v>
      </c>
      <c r="E27" s="425">
        <v>200699679.74000025</v>
      </c>
      <c r="F27" s="425">
        <v>1.7746360007655222</v>
      </c>
      <c r="G27" s="425">
        <v>130349320.25999975</v>
      </c>
      <c r="H27" s="425">
        <v>52660740.119999968</v>
      </c>
      <c r="I27" s="425">
        <v>174963364.18999991</v>
      </c>
      <c r="J27" s="425">
        <v>2.2502976434252147</v>
      </c>
      <c r="K27" s="425">
        <v>156085635.81000009</v>
      </c>
      <c r="L27" s="426">
        <v>0</v>
      </c>
    </row>
    <row r="28" spans="1:12" s="268" customFormat="1" ht="10.5" x14ac:dyDescent="0.2">
      <c r="A28" s="446" t="s">
        <v>645</v>
      </c>
      <c r="B28" s="425">
        <v>43032000</v>
      </c>
      <c r="C28" s="425">
        <v>46775174</v>
      </c>
      <c r="D28" s="425">
        <v>946528.1399999978</v>
      </c>
      <c r="E28" s="425">
        <v>35422622.639999986</v>
      </c>
      <c r="F28" s="425">
        <v>0.31321555400542633</v>
      </c>
      <c r="G28" s="425">
        <v>11352551.360000014</v>
      </c>
      <c r="H28" s="425">
        <v>6978999.6800000034</v>
      </c>
      <c r="I28" s="425">
        <v>30322810.890000012</v>
      </c>
      <c r="J28" s="425">
        <v>0.38999793015922973</v>
      </c>
      <c r="K28" s="425">
        <v>16452363.109999988</v>
      </c>
      <c r="L28" s="426">
        <v>0</v>
      </c>
    </row>
    <row r="29" spans="1:12" s="268" customFormat="1" ht="10.5" x14ac:dyDescent="0.2">
      <c r="A29" s="446" t="s">
        <v>648</v>
      </c>
      <c r="B29" s="425">
        <v>345660</v>
      </c>
      <c r="C29" s="425">
        <v>430660</v>
      </c>
      <c r="D29" s="425">
        <v>10807.499999999998</v>
      </c>
      <c r="E29" s="425">
        <v>259177.32</v>
      </c>
      <c r="F29" s="425">
        <v>2.2917096990377364E-3</v>
      </c>
      <c r="G29" s="425">
        <v>171482.68</v>
      </c>
      <c r="H29" s="425">
        <v>17181.82</v>
      </c>
      <c r="I29" s="425">
        <v>85364.92</v>
      </c>
      <c r="J29" s="425">
        <v>1.0979240093861964E-3</v>
      </c>
      <c r="K29" s="425">
        <v>345295.08</v>
      </c>
      <c r="L29" s="426">
        <v>0</v>
      </c>
    </row>
    <row r="30" spans="1:12" s="268" customFormat="1" ht="10.5" x14ac:dyDescent="0.2">
      <c r="A30" s="446" t="s">
        <v>652</v>
      </c>
      <c r="B30" s="425">
        <v>21167340</v>
      </c>
      <c r="C30" s="425">
        <v>22667340</v>
      </c>
      <c r="D30" s="425">
        <v>967841.07999999949</v>
      </c>
      <c r="E30" s="425">
        <v>17955903.85000002</v>
      </c>
      <c r="F30" s="425">
        <v>0.15877052439632477</v>
      </c>
      <c r="G30" s="425">
        <v>4711436.1499999799</v>
      </c>
      <c r="H30" s="425">
        <v>2805372.2700000005</v>
      </c>
      <c r="I30" s="425">
        <v>11060692.509999994</v>
      </c>
      <c r="J30" s="425">
        <v>0.14225749719166919</v>
      </c>
      <c r="K30" s="425">
        <v>11606647.490000006</v>
      </c>
      <c r="L30" s="426">
        <v>0</v>
      </c>
    </row>
    <row r="31" spans="1:12" s="268" customFormat="1" ht="10.5" x14ac:dyDescent="0.2">
      <c r="A31" s="446" t="s">
        <v>684</v>
      </c>
      <c r="B31" s="425">
        <v>118036900</v>
      </c>
      <c r="C31" s="425">
        <v>123010171.37</v>
      </c>
      <c r="D31" s="425">
        <v>18480430.520000011</v>
      </c>
      <c r="E31" s="425">
        <v>73094538.150000006</v>
      </c>
      <c r="F31" s="425">
        <v>0.64631990957016938</v>
      </c>
      <c r="G31" s="425">
        <v>49915633.219999999</v>
      </c>
      <c r="H31" s="425">
        <v>18528690.380000003</v>
      </c>
      <c r="I31" s="425">
        <v>72944906.560000032</v>
      </c>
      <c r="J31" s="425">
        <v>0.93818355683642285</v>
      </c>
      <c r="K31" s="425">
        <v>50065264.809999973</v>
      </c>
      <c r="L31" s="426">
        <v>0</v>
      </c>
    </row>
    <row r="32" spans="1:12" s="268" customFormat="1" ht="10.5" x14ac:dyDescent="0.2">
      <c r="A32" s="446"/>
      <c r="B32" s="425"/>
      <c r="C32" s="425"/>
      <c r="D32" s="425"/>
      <c r="E32" s="425"/>
      <c r="F32" s="425"/>
      <c r="G32" s="425"/>
      <c r="H32" s="425"/>
      <c r="I32" s="425"/>
      <c r="J32" s="425"/>
      <c r="K32" s="425"/>
      <c r="L32" s="426"/>
    </row>
    <row r="33" spans="1:12" s="66" customFormat="1" ht="10.5" x14ac:dyDescent="0.2">
      <c r="A33" s="142" t="s">
        <v>646</v>
      </c>
      <c r="B33" s="423">
        <v>703389900</v>
      </c>
      <c r="C33" s="423">
        <v>895621204.12</v>
      </c>
      <c r="D33" s="423">
        <v>51388754.770000033</v>
      </c>
      <c r="E33" s="423">
        <v>767411966.5400008</v>
      </c>
      <c r="F33" s="423">
        <v>6.7856456223767667</v>
      </c>
      <c r="G33" s="423">
        <v>128209237.57999919</v>
      </c>
      <c r="H33" s="423">
        <v>110943630.01999998</v>
      </c>
      <c r="I33" s="423">
        <v>472256670.55999988</v>
      </c>
      <c r="J33" s="423">
        <v>6.0739462673966207</v>
      </c>
      <c r="K33" s="423">
        <v>423364533.56000012</v>
      </c>
      <c r="L33" s="424">
        <v>0</v>
      </c>
    </row>
    <row r="34" spans="1:12" s="268" customFormat="1" ht="10.5" x14ac:dyDescent="0.2">
      <c r="A34" s="446" t="s">
        <v>647</v>
      </c>
      <c r="B34" s="425">
        <v>0</v>
      </c>
      <c r="C34" s="425">
        <v>0</v>
      </c>
      <c r="D34" s="425">
        <v>0</v>
      </c>
      <c r="E34" s="425">
        <v>0</v>
      </c>
      <c r="F34" s="425">
        <v>0</v>
      </c>
      <c r="G34" s="425">
        <v>0</v>
      </c>
      <c r="H34" s="425">
        <v>0</v>
      </c>
      <c r="I34" s="425">
        <v>0</v>
      </c>
      <c r="J34" s="425">
        <v>0</v>
      </c>
      <c r="K34" s="425">
        <v>0</v>
      </c>
      <c r="L34" s="426">
        <v>0</v>
      </c>
    </row>
    <row r="35" spans="1:12" s="268" customFormat="1" ht="10.5" x14ac:dyDescent="0.2">
      <c r="A35" s="446" t="s">
        <v>648</v>
      </c>
      <c r="B35" s="425">
        <v>262769900</v>
      </c>
      <c r="C35" s="425">
        <v>286714386.12</v>
      </c>
      <c r="D35" s="425">
        <v>19560117.640000015</v>
      </c>
      <c r="E35" s="425">
        <v>187186874.10000002</v>
      </c>
      <c r="F35" s="425">
        <v>1.6551524450809416</v>
      </c>
      <c r="G35" s="425">
        <v>99527512.019999981</v>
      </c>
      <c r="H35" s="425">
        <v>30291867.009999983</v>
      </c>
      <c r="I35" s="425">
        <v>124098013.13000003</v>
      </c>
      <c r="J35" s="425">
        <v>1.5960910890861313</v>
      </c>
      <c r="K35" s="425">
        <v>162616372.98999998</v>
      </c>
      <c r="L35" s="426">
        <v>0</v>
      </c>
    </row>
    <row r="36" spans="1:12" s="268" customFormat="1" ht="10.5" x14ac:dyDescent="0.2">
      <c r="A36" s="446" t="s">
        <v>649</v>
      </c>
      <c r="B36" s="425">
        <v>433564000</v>
      </c>
      <c r="C36" s="425">
        <v>601823568</v>
      </c>
      <c r="D36" s="425">
        <v>31802655.090000015</v>
      </c>
      <c r="E36" s="425">
        <v>580154302.68000078</v>
      </c>
      <c r="F36" s="425">
        <v>5.1298672368023261</v>
      </c>
      <c r="G36" s="425">
        <v>21669265.319999218</v>
      </c>
      <c r="H36" s="425">
        <v>80619458.640000001</v>
      </c>
      <c r="I36" s="425">
        <v>348093841.33999991</v>
      </c>
      <c r="J36" s="425">
        <v>4.4770215438221603</v>
      </c>
      <c r="K36" s="425">
        <v>253729726.66000009</v>
      </c>
      <c r="L36" s="426">
        <v>0</v>
      </c>
    </row>
    <row r="37" spans="1:12" s="268" customFormat="1" ht="10.5" x14ac:dyDescent="0.2">
      <c r="A37" s="446" t="s">
        <v>650</v>
      </c>
      <c r="B37" s="425">
        <v>7000000</v>
      </c>
      <c r="C37" s="425">
        <v>7000000</v>
      </c>
      <c r="D37" s="425">
        <v>0</v>
      </c>
      <c r="E37" s="425">
        <v>0</v>
      </c>
      <c r="F37" s="425">
        <v>0</v>
      </c>
      <c r="G37" s="425">
        <v>7000000</v>
      </c>
      <c r="H37" s="425">
        <v>0</v>
      </c>
      <c r="I37" s="425">
        <v>0</v>
      </c>
      <c r="J37" s="425">
        <v>0</v>
      </c>
      <c r="K37" s="425">
        <v>7000000</v>
      </c>
      <c r="L37" s="426">
        <v>0</v>
      </c>
    </row>
    <row r="38" spans="1:12" s="268" customFormat="1" ht="10.5" x14ac:dyDescent="0.2">
      <c r="A38" s="446" t="s">
        <v>651</v>
      </c>
      <c r="B38" s="425">
        <v>0</v>
      </c>
      <c r="C38" s="425">
        <v>0</v>
      </c>
      <c r="D38" s="425">
        <v>0</v>
      </c>
      <c r="E38" s="425">
        <v>0</v>
      </c>
      <c r="F38" s="425">
        <v>0</v>
      </c>
      <c r="G38" s="425">
        <v>0</v>
      </c>
      <c r="H38" s="425">
        <v>0</v>
      </c>
      <c r="I38" s="425">
        <v>0</v>
      </c>
      <c r="J38" s="425">
        <v>0</v>
      </c>
      <c r="K38" s="425">
        <v>0</v>
      </c>
      <c r="L38" s="426">
        <v>0</v>
      </c>
    </row>
    <row r="39" spans="1:12" s="268" customFormat="1" ht="10.5" x14ac:dyDescent="0.2">
      <c r="A39" s="446" t="s">
        <v>744</v>
      </c>
      <c r="B39" s="425">
        <v>56000</v>
      </c>
      <c r="C39" s="425">
        <v>83250</v>
      </c>
      <c r="D39" s="425">
        <v>25982.04</v>
      </c>
      <c r="E39" s="425">
        <v>70789.759999999995</v>
      </c>
      <c r="F39" s="425">
        <v>6.2594049349902058E-4</v>
      </c>
      <c r="G39" s="425">
        <v>12460.240000000005</v>
      </c>
      <c r="H39" s="425">
        <v>32304.369999999995</v>
      </c>
      <c r="I39" s="425">
        <v>64816.089999999989</v>
      </c>
      <c r="J39" s="425">
        <v>8.3363448833006029E-4</v>
      </c>
      <c r="K39" s="425">
        <v>18433.910000000011</v>
      </c>
      <c r="L39" s="426">
        <v>0</v>
      </c>
    </row>
    <row r="40" spans="1:12" ht="10.5" x14ac:dyDescent="0.2">
      <c r="A40" s="446"/>
      <c r="B40" s="425"/>
      <c r="C40" s="423"/>
      <c r="D40" s="423"/>
      <c r="E40" s="423"/>
      <c r="F40" s="423"/>
      <c r="G40" s="423"/>
      <c r="H40" s="423"/>
      <c r="I40" s="423"/>
      <c r="J40" s="423"/>
      <c r="K40" s="423"/>
      <c r="L40" s="424"/>
    </row>
    <row r="41" spans="1:12" s="66" customFormat="1" ht="10.5" x14ac:dyDescent="0.2">
      <c r="A41" s="142" t="s">
        <v>655</v>
      </c>
      <c r="B41" s="423">
        <v>1283211700</v>
      </c>
      <c r="C41" s="423">
        <v>1531579882.46</v>
      </c>
      <c r="D41" s="423">
        <v>44205420.330000311</v>
      </c>
      <c r="E41" s="423">
        <v>1358760629.6400015</v>
      </c>
      <c r="F41" s="423">
        <v>12.014496151193372</v>
      </c>
      <c r="G41" s="423">
        <v>172819252.81999853</v>
      </c>
      <c r="H41" s="423">
        <v>195758196.14000055</v>
      </c>
      <c r="I41" s="423">
        <v>813056197.45000136</v>
      </c>
      <c r="J41" s="423">
        <v>10.457151721815009</v>
      </c>
      <c r="K41" s="423">
        <v>718523685.00999868</v>
      </c>
      <c r="L41" s="424">
        <v>0</v>
      </c>
    </row>
    <row r="42" spans="1:12" s="268" customFormat="1" ht="10.5" x14ac:dyDescent="0.2">
      <c r="A42" s="446" t="s">
        <v>656</v>
      </c>
      <c r="B42" s="425">
        <v>1281051700</v>
      </c>
      <c r="C42" s="425">
        <v>1525419882.46</v>
      </c>
      <c r="D42" s="425">
        <v>43456922.330000311</v>
      </c>
      <c r="E42" s="425">
        <v>1356111660.9100015</v>
      </c>
      <c r="F42" s="425">
        <v>11.991073317239426</v>
      </c>
      <c r="G42" s="425">
        <v>169308221.54999852</v>
      </c>
      <c r="H42" s="425">
        <v>194454447.28000054</v>
      </c>
      <c r="I42" s="425">
        <v>811352097.80000138</v>
      </c>
      <c r="J42" s="425">
        <v>10.435234382466227</v>
      </c>
      <c r="K42" s="425">
        <v>714067784.65999866</v>
      </c>
      <c r="L42" s="426">
        <v>0</v>
      </c>
    </row>
    <row r="43" spans="1:12" s="268" customFormat="1" ht="10.5" x14ac:dyDescent="0.2">
      <c r="A43" s="446" t="s">
        <v>657</v>
      </c>
      <c r="B43" s="425">
        <v>2160000</v>
      </c>
      <c r="C43" s="425">
        <v>6160000</v>
      </c>
      <c r="D43" s="425">
        <v>748497.99999999988</v>
      </c>
      <c r="E43" s="425">
        <v>2648968.7300000004</v>
      </c>
      <c r="F43" s="425">
        <v>2.3422833953945798E-2</v>
      </c>
      <c r="G43" s="425">
        <v>3511031.2699999996</v>
      </c>
      <c r="H43" s="425">
        <v>1303748.8599999999</v>
      </c>
      <c r="I43" s="425">
        <v>1704099.6499999997</v>
      </c>
      <c r="J43" s="425">
        <v>2.1917339348781838E-2</v>
      </c>
      <c r="K43" s="425">
        <v>4455900.3500000006</v>
      </c>
      <c r="L43" s="426">
        <v>0</v>
      </c>
    </row>
    <row r="44" spans="1:12" s="268" customFormat="1" ht="10.5" x14ac:dyDescent="0.2">
      <c r="A44" s="446" t="s">
        <v>683</v>
      </c>
      <c r="B44" s="425">
        <v>0</v>
      </c>
      <c r="C44" s="425">
        <v>0</v>
      </c>
      <c r="D44" s="425">
        <v>0</v>
      </c>
      <c r="E44" s="425">
        <v>0</v>
      </c>
      <c r="F44" s="425">
        <v>0</v>
      </c>
      <c r="G44" s="425">
        <v>0</v>
      </c>
      <c r="H44" s="425">
        <v>0</v>
      </c>
      <c r="I44" s="425">
        <v>0</v>
      </c>
      <c r="J44" s="425">
        <v>0</v>
      </c>
      <c r="K44" s="425">
        <v>0</v>
      </c>
      <c r="L44" s="426">
        <v>0</v>
      </c>
    </row>
    <row r="45" spans="1:12" ht="10.5" x14ac:dyDescent="0.2">
      <c r="A45" s="446"/>
      <c r="B45" s="425"/>
      <c r="C45" s="423"/>
      <c r="D45" s="423"/>
      <c r="E45" s="423"/>
      <c r="F45" s="423"/>
      <c r="G45" s="423"/>
      <c r="H45" s="423"/>
      <c r="I45" s="423"/>
      <c r="J45" s="423"/>
      <c r="K45" s="423"/>
      <c r="L45" s="424"/>
    </row>
    <row r="46" spans="1:12" s="66" customFormat="1" ht="10.5" x14ac:dyDescent="0.2">
      <c r="A46" s="142" t="s">
        <v>658</v>
      </c>
      <c r="B46" s="423">
        <v>200530900</v>
      </c>
      <c r="C46" s="423">
        <v>200270500</v>
      </c>
      <c r="D46" s="423">
        <v>24789724.330000002</v>
      </c>
      <c r="E46" s="423">
        <v>118562897.39000002</v>
      </c>
      <c r="F46" s="423">
        <v>1.0483623408663958</v>
      </c>
      <c r="G46" s="423">
        <v>81707602.609999985</v>
      </c>
      <c r="H46" s="423">
        <v>28063164.309999995</v>
      </c>
      <c r="I46" s="423">
        <v>107330708.30000006</v>
      </c>
      <c r="J46" s="423">
        <v>1.3804377909215677</v>
      </c>
      <c r="K46" s="423">
        <v>92939791.699999943</v>
      </c>
      <c r="L46" s="424">
        <v>0</v>
      </c>
    </row>
    <row r="47" spans="1:12" s="268" customFormat="1" ht="10.5" x14ac:dyDescent="0.2">
      <c r="A47" s="446" t="s">
        <v>745</v>
      </c>
      <c r="B47" s="425">
        <v>310000</v>
      </c>
      <c r="C47" s="425">
        <v>310000</v>
      </c>
      <c r="D47" s="425">
        <v>0</v>
      </c>
      <c r="E47" s="425">
        <v>5015.119999999999</v>
      </c>
      <c r="F47" s="425">
        <v>4.4344926268386944E-5</v>
      </c>
      <c r="G47" s="425">
        <v>304984.88</v>
      </c>
      <c r="H47" s="425">
        <v>0</v>
      </c>
      <c r="I47" s="425">
        <v>4720.47</v>
      </c>
      <c r="J47" s="425">
        <v>6.0712495818976449E-5</v>
      </c>
      <c r="K47" s="425">
        <v>305279.53000000003</v>
      </c>
      <c r="L47" s="426">
        <v>0</v>
      </c>
    </row>
    <row r="48" spans="1:12" s="268" customFormat="1" ht="10.5" x14ac:dyDescent="0.2">
      <c r="A48" s="446" t="s">
        <v>659</v>
      </c>
      <c r="B48" s="425">
        <v>200093600</v>
      </c>
      <c r="C48" s="425">
        <v>199953200</v>
      </c>
      <c r="D48" s="425">
        <v>24789724.330000002</v>
      </c>
      <c r="E48" s="425">
        <v>118557882.27000001</v>
      </c>
      <c r="F48" s="425">
        <v>1.0483179959401272</v>
      </c>
      <c r="G48" s="425">
        <v>81395317.729999989</v>
      </c>
      <c r="H48" s="425">
        <v>28063164.309999995</v>
      </c>
      <c r="I48" s="425">
        <v>107325987.83000006</v>
      </c>
      <c r="J48" s="425">
        <v>1.380377078425749</v>
      </c>
      <c r="K48" s="425">
        <v>92627212.169999942</v>
      </c>
      <c r="L48" s="426">
        <v>0</v>
      </c>
    </row>
    <row r="49" spans="1:12" s="268" customFormat="1" ht="10.5" x14ac:dyDescent="0.2">
      <c r="A49" s="446" t="s">
        <v>685</v>
      </c>
      <c r="B49" s="425">
        <v>0</v>
      </c>
      <c r="C49" s="425">
        <v>0</v>
      </c>
      <c r="D49" s="425">
        <v>0</v>
      </c>
      <c r="E49" s="425">
        <v>0</v>
      </c>
      <c r="F49" s="425">
        <v>0</v>
      </c>
      <c r="G49" s="425">
        <v>0</v>
      </c>
      <c r="H49" s="425">
        <v>0</v>
      </c>
      <c r="I49" s="425">
        <v>0</v>
      </c>
      <c r="J49" s="425">
        <v>0</v>
      </c>
      <c r="K49" s="425">
        <v>0</v>
      </c>
      <c r="L49" s="426">
        <v>0</v>
      </c>
    </row>
    <row r="50" spans="1:12" s="268" customFormat="1" ht="10.5" x14ac:dyDescent="0.2">
      <c r="A50" s="446" t="s">
        <v>684</v>
      </c>
      <c r="B50" s="425">
        <v>127300</v>
      </c>
      <c r="C50" s="425">
        <v>7300</v>
      </c>
      <c r="D50" s="425">
        <v>0</v>
      </c>
      <c r="E50" s="425">
        <v>0</v>
      </c>
      <c r="F50" s="425">
        <v>0</v>
      </c>
      <c r="G50" s="425">
        <v>7300</v>
      </c>
      <c r="H50" s="425">
        <v>0</v>
      </c>
      <c r="I50" s="425">
        <v>0</v>
      </c>
      <c r="J50" s="425">
        <v>0</v>
      </c>
      <c r="K50" s="425">
        <v>7300</v>
      </c>
      <c r="L50" s="426">
        <v>0</v>
      </c>
    </row>
    <row r="51" spans="1:12" s="268" customFormat="1" ht="10.5" x14ac:dyDescent="0.2">
      <c r="A51" s="446"/>
      <c r="B51" s="425"/>
      <c r="C51" s="425"/>
      <c r="D51" s="425"/>
      <c r="E51" s="425"/>
      <c r="F51" s="425"/>
      <c r="G51" s="425"/>
      <c r="H51" s="425"/>
      <c r="I51" s="425"/>
      <c r="J51" s="425"/>
      <c r="K51" s="425"/>
      <c r="L51" s="426"/>
    </row>
    <row r="52" spans="1:12" s="66" customFormat="1" ht="10.5" x14ac:dyDescent="0.2">
      <c r="A52" s="142" t="s">
        <v>660</v>
      </c>
      <c r="B52" s="423">
        <v>1483051000</v>
      </c>
      <c r="C52" s="423">
        <v>2593355413.04</v>
      </c>
      <c r="D52" s="423">
        <v>41986003.080000132</v>
      </c>
      <c r="E52" s="423">
        <v>2151671065.0799999</v>
      </c>
      <c r="F52" s="423">
        <v>19.025605515878826</v>
      </c>
      <c r="G52" s="423">
        <v>441684347.96000004</v>
      </c>
      <c r="H52" s="423">
        <v>345731352.05000001</v>
      </c>
      <c r="I52" s="423">
        <v>1576901516.1099985</v>
      </c>
      <c r="J52" s="423">
        <v>20.281375944294929</v>
      </c>
      <c r="K52" s="423">
        <v>1016453896.9300015</v>
      </c>
      <c r="L52" s="424">
        <v>0</v>
      </c>
    </row>
    <row r="53" spans="1:12" s="268" customFormat="1" ht="10.5" x14ac:dyDescent="0.2">
      <c r="A53" s="446" t="s">
        <v>661</v>
      </c>
      <c r="B53" s="425">
        <v>1483051000</v>
      </c>
      <c r="C53" s="425">
        <v>2593355413.04</v>
      </c>
      <c r="D53" s="425">
        <v>41986003.080000132</v>
      </c>
      <c r="E53" s="425">
        <v>2151671065.0799999</v>
      </c>
      <c r="F53" s="425">
        <v>19.025605515878826</v>
      </c>
      <c r="G53" s="425">
        <v>441684347.96000004</v>
      </c>
      <c r="H53" s="425">
        <v>345731352.05000001</v>
      </c>
      <c r="I53" s="425">
        <v>1576901516.1099985</v>
      </c>
      <c r="J53" s="425">
        <v>20.281375944294929</v>
      </c>
      <c r="K53" s="425">
        <v>1016453896.9300015</v>
      </c>
      <c r="L53" s="426">
        <v>0</v>
      </c>
    </row>
    <row r="54" spans="1:12" ht="10.5" x14ac:dyDescent="0.2">
      <c r="A54" s="446"/>
      <c r="B54" s="425"/>
      <c r="C54" s="423"/>
      <c r="D54" s="423"/>
      <c r="E54" s="423"/>
      <c r="F54" s="423"/>
      <c r="G54" s="423"/>
      <c r="H54" s="423"/>
      <c r="I54" s="423"/>
      <c r="J54" s="423"/>
      <c r="K54" s="423"/>
      <c r="L54" s="424"/>
    </row>
    <row r="55" spans="1:12" s="66" customFormat="1" ht="10.5" x14ac:dyDescent="0.2">
      <c r="A55" s="142" t="s">
        <v>662</v>
      </c>
      <c r="B55" s="423">
        <v>1217401500</v>
      </c>
      <c r="C55" s="423">
        <v>1489726321.6900001</v>
      </c>
      <c r="D55" s="423">
        <v>168965316.84999999</v>
      </c>
      <c r="E55" s="423">
        <v>907800599.98999953</v>
      </c>
      <c r="F55" s="423">
        <v>8.0269964971833119</v>
      </c>
      <c r="G55" s="423">
        <v>581925721.70000029</v>
      </c>
      <c r="H55" s="423">
        <v>176439987.89000008</v>
      </c>
      <c r="I55" s="423">
        <v>570401821.08999991</v>
      </c>
      <c r="J55" s="423">
        <v>7.3362436744780002</v>
      </c>
      <c r="K55" s="423">
        <v>919324500.60000002</v>
      </c>
      <c r="L55" s="424">
        <v>0</v>
      </c>
    </row>
    <row r="56" spans="1:12" ht="10.5" x14ac:dyDescent="0.2">
      <c r="A56" s="22" t="s">
        <v>648</v>
      </c>
      <c r="B56" s="425">
        <v>237336100</v>
      </c>
      <c r="C56" s="425">
        <v>361557648.62</v>
      </c>
      <c r="D56" s="425">
        <v>12574280.040000144</v>
      </c>
      <c r="E56" s="425">
        <v>246440925.27999985</v>
      </c>
      <c r="F56" s="425">
        <v>2.1790913599384765</v>
      </c>
      <c r="G56" s="425">
        <v>115116723.34000015</v>
      </c>
      <c r="H56" s="425">
        <v>51431292.850000136</v>
      </c>
      <c r="I56" s="425">
        <v>175387697.39999977</v>
      </c>
      <c r="J56" s="425">
        <v>2.2557552203694526</v>
      </c>
      <c r="K56" s="425">
        <v>186169951.22000024</v>
      </c>
      <c r="L56" s="424">
        <v>0</v>
      </c>
    </row>
    <row r="57" spans="1:12" ht="10.5" x14ac:dyDescent="0.2">
      <c r="A57" s="22" t="s">
        <v>746</v>
      </c>
      <c r="B57" s="425">
        <v>2176500</v>
      </c>
      <c r="C57" s="425">
        <v>2176500</v>
      </c>
      <c r="D57" s="425">
        <v>37553.200000000004</v>
      </c>
      <c r="E57" s="425">
        <v>187407.99000000005</v>
      </c>
      <c r="F57" s="425">
        <v>1.6571076063297792E-3</v>
      </c>
      <c r="G57" s="425">
        <v>1989092.01</v>
      </c>
      <c r="H57" s="425">
        <v>33140.61</v>
      </c>
      <c r="I57" s="425">
        <v>146353.15000000002</v>
      </c>
      <c r="J57" s="425">
        <v>1.8823263377309957E-3</v>
      </c>
      <c r="K57" s="425">
        <v>2030146.85</v>
      </c>
      <c r="L57" s="424">
        <v>0</v>
      </c>
    </row>
    <row r="58" spans="1:12" ht="10.5" x14ac:dyDescent="0.2">
      <c r="A58" s="22" t="s">
        <v>652</v>
      </c>
      <c r="B58" s="425">
        <v>6921900</v>
      </c>
      <c r="C58" s="425">
        <v>7146900</v>
      </c>
      <c r="D58" s="425">
        <v>295934.46000000008</v>
      </c>
      <c r="E58" s="425">
        <v>2114093.0799999996</v>
      </c>
      <c r="F58" s="425">
        <v>1.8693331716311289E-2</v>
      </c>
      <c r="G58" s="425">
        <v>5032806.92</v>
      </c>
      <c r="H58" s="425">
        <v>226202.85000000003</v>
      </c>
      <c r="I58" s="425">
        <v>817445.01000000024</v>
      </c>
      <c r="J58" s="425">
        <v>1.0513598593332479E-2</v>
      </c>
      <c r="K58" s="425">
        <v>6329454.9900000002</v>
      </c>
      <c r="L58" s="424">
        <v>0</v>
      </c>
    </row>
    <row r="59" spans="1:12" ht="10.5" x14ac:dyDescent="0.2">
      <c r="A59" s="446" t="s">
        <v>664</v>
      </c>
      <c r="B59" s="425">
        <v>54532000</v>
      </c>
      <c r="C59" s="425">
        <v>71307000</v>
      </c>
      <c r="D59" s="425">
        <v>-37225</v>
      </c>
      <c r="E59" s="425">
        <v>51091630.170000017</v>
      </c>
      <c r="F59" s="425">
        <v>0.45176477787577274</v>
      </c>
      <c r="G59" s="425">
        <v>20215369.829999983</v>
      </c>
      <c r="H59" s="425">
        <v>8356802.0600000005</v>
      </c>
      <c r="I59" s="425">
        <v>28075283.769999996</v>
      </c>
      <c r="J59" s="425">
        <v>0.36109127872917357</v>
      </c>
      <c r="K59" s="425">
        <v>43231716.230000004</v>
      </c>
      <c r="L59" s="424">
        <v>0</v>
      </c>
    </row>
    <row r="60" spans="1:12" ht="10.5" x14ac:dyDescent="0.2">
      <c r="A60" s="446" t="s">
        <v>665</v>
      </c>
      <c r="B60" s="425">
        <v>763416800</v>
      </c>
      <c r="C60" s="425">
        <v>900866073.06999993</v>
      </c>
      <c r="D60" s="425">
        <v>137083811.39999989</v>
      </c>
      <c r="E60" s="425">
        <v>529092097.60999966</v>
      </c>
      <c r="F60" s="425">
        <v>4.6783626429081711</v>
      </c>
      <c r="G60" s="425">
        <v>371773975.46000028</v>
      </c>
      <c r="H60" s="425">
        <v>97096755.679999962</v>
      </c>
      <c r="I60" s="425">
        <v>310189057.07000023</v>
      </c>
      <c r="J60" s="425">
        <v>3.9895077885156844</v>
      </c>
      <c r="K60" s="425">
        <v>590677015.99999976</v>
      </c>
      <c r="L60" s="424">
        <v>0</v>
      </c>
    </row>
    <row r="61" spans="1:12" ht="10.5" x14ac:dyDescent="0.2">
      <c r="A61" s="446" t="s">
        <v>666</v>
      </c>
      <c r="B61" s="425">
        <v>100247000</v>
      </c>
      <c r="C61" s="425">
        <v>92360400</v>
      </c>
      <c r="D61" s="425">
        <v>13517874.299999993</v>
      </c>
      <c r="E61" s="425">
        <v>48305680.699999996</v>
      </c>
      <c r="F61" s="425">
        <v>0.42713072648027217</v>
      </c>
      <c r="G61" s="425">
        <v>44054719.300000004</v>
      </c>
      <c r="H61" s="425">
        <v>12660241.669999992</v>
      </c>
      <c r="I61" s="425">
        <v>32869734.850000024</v>
      </c>
      <c r="J61" s="425">
        <v>0.42275528488720204</v>
      </c>
      <c r="K61" s="425">
        <v>59490665.149999976</v>
      </c>
      <c r="L61" s="424">
        <v>0</v>
      </c>
    </row>
    <row r="62" spans="1:12" ht="10.5" x14ac:dyDescent="0.2">
      <c r="A62" s="446" t="s">
        <v>667</v>
      </c>
      <c r="B62" s="425">
        <v>975100</v>
      </c>
      <c r="C62" s="425">
        <v>1725100</v>
      </c>
      <c r="D62" s="425">
        <v>142340</v>
      </c>
      <c r="E62" s="425">
        <v>815837.1399999999</v>
      </c>
      <c r="F62" s="425">
        <v>7.2138329332721218E-3</v>
      </c>
      <c r="G62" s="425">
        <v>909262.8600000001</v>
      </c>
      <c r="H62" s="425">
        <v>173987.80000000002</v>
      </c>
      <c r="I62" s="425">
        <v>406767.7899999998</v>
      </c>
      <c r="J62" s="425">
        <v>5.2316586589194036E-3</v>
      </c>
      <c r="K62" s="425">
        <v>1318332.2100000002</v>
      </c>
      <c r="L62" s="424">
        <v>0</v>
      </c>
    </row>
    <row r="63" spans="1:12" ht="10.5" x14ac:dyDescent="0.2">
      <c r="A63" s="446" t="s">
        <v>668</v>
      </c>
      <c r="B63" s="425">
        <v>14751600</v>
      </c>
      <c r="C63" s="425">
        <v>15898600</v>
      </c>
      <c r="D63" s="425">
        <v>928942.45000000007</v>
      </c>
      <c r="E63" s="425">
        <v>7664173.4399999985</v>
      </c>
      <c r="F63" s="425">
        <v>6.7768509249016881E-2</v>
      </c>
      <c r="G63" s="425">
        <v>8234426.5600000015</v>
      </c>
      <c r="H63" s="425">
        <v>1664489.35</v>
      </c>
      <c r="I63" s="425">
        <v>5063646.8200000012</v>
      </c>
      <c r="J63" s="425">
        <v>6.5126276914803702E-2</v>
      </c>
      <c r="K63" s="425">
        <v>10834953.18</v>
      </c>
      <c r="L63" s="424">
        <v>0</v>
      </c>
    </row>
    <row r="64" spans="1:12" ht="10.5" x14ac:dyDescent="0.2">
      <c r="A64" s="446" t="s">
        <v>669</v>
      </c>
      <c r="B64" s="425">
        <v>19989000</v>
      </c>
      <c r="C64" s="425">
        <v>20050000</v>
      </c>
      <c r="D64" s="425">
        <v>4386054.1900000004</v>
      </c>
      <c r="E64" s="425">
        <v>16467332.810000002</v>
      </c>
      <c r="F64" s="425">
        <v>0.14560821262431198</v>
      </c>
      <c r="G64" s="425">
        <v>3582667.1899999976</v>
      </c>
      <c r="H64" s="425">
        <v>4024171.5999999996</v>
      </c>
      <c r="I64" s="425">
        <v>14294128.65</v>
      </c>
      <c r="J64" s="425">
        <v>0.18384445317924622</v>
      </c>
      <c r="K64" s="425">
        <v>5755871.3499999996</v>
      </c>
      <c r="L64" s="424">
        <v>0</v>
      </c>
    </row>
    <row r="65" spans="1:12" ht="10.5" x14ac:dyDescent="0.2">
      <c r="A65" s="446" t="s">
        <v>670</v>
      </c>
      <c r="B65" s="425">
        <v>1337600</v>
      </c>
      <c r="C65" s="425">
        <v>1337600</v>
      </c>
      <c r="D65" s="425">
        <v>-14562.500000000029</v>
      </c>
      <c r="E65" s="425">
        <v>836352.97</v>
      </c>
      <c r="F65" s="425">
        <v>7.3952389551987675E-3</v>
      </c>
      <c r="G65" s="425">
        <v>501247.03</v>
      </c>
      <c r="H65" s="425">
        <v>199541.40999999997</v>
      </c>
      <c r="I65" s="425">
        <v>311998.78999999998</v>
      </c>
      <c r="J65" s="425">
        <v>4.0127837341198454E-3</v>
      </c>
      <c r="K65" s="425">
        <v>1025601.21</v>
      </c>
      <c r="L65" s="424">
        <v>0</v>
      </c>
    </row>
    <row r="66" spans="1:12" ht="10.5" x14ac:dyDescent="0.2">
      <c r="A66" s="446" t="s">
        <v>674</v>
      </c>
      <c r="B66" s="425">
        <v>0</v>
      </c>
      <c r="C66" s="425">
        <v>0</v>
      </c>
      <c r="D66" s="425">
        <v>0</v>
      </c>
      <c r="E66" s="425">
        <v>0</v>
      </c>
      <c r="F66" s="425">
        <v>0</v>
      </c>
      <c r="G66" s="425">
        <v>0</v>
      </c>
      <c r="H66" s="425">
        <v>0</v>
      </c>
      <c r="I66" s="425">
        <v>0</v>
      </c>
      <c r="J66" s="425">
        <v>0</v>
      </c>
      <c r="K66" s="425">
        <v>0</v>
      </c>
      <c r="L66" s="424">
        <v>0</v>
      </c>
    </row>
    <row r="67" spans="1:12" ht="10.5" x14ac:dyDescent="0.2">
      <c r="A67" s="446" t="s">
        <v>726</v>
      </c>
      <c r="B67" s="425">
        <v>3191000</v>
      </c>
      <c r="C67" s="425">
        <v>3191000</v>
      </c>
      <c r="D67" s="425">
        <v>0</v>
      </c>
      <c r="E67" s="425">
        <v>3190999.9999999995</v>
      </c>
      <c r="F67" s="425">
        <v>2.8215607946055678E-2</v>
      </c>
      <c r="G67" s="425">
        <v>0</v>
      </c>
      <c r="H67" s="425">
        <v>399053.27</v>
      </c>
      <c r="I67" s="425">
        <v>1608918.39</v>
      </c>
      <c r="J67" s="425">
        <v>2.0693162127065588E-2</v>
      </c>
      <c r="K67" s="425">
        <v>1582081.61</v>
      </c>
      <c r="L67" s="426">
        <v>0</v>
      </c>
    </row>
    <row r="68" spans="1:12" s="268" customFormat="1" ht="11.25" customHeight="1" x14ac:dyDescent="0.2">
      <c r="A68" s="446" t="s">
        <v>684</v>
      </c>
      <c r="B68" s="425">
        <v>1137100</v>
      </c>
      <c r="C68" s="425">
        <v>1137100</v>
      </c>
      <c r="D68" s="425">
        <v>-17700</v>
      </c>
      <c r="E68" s="425">
        <v>116000</v>
      </c>
      <c r="F68" s="425">
        <v>1.0257005709001751E-3</v>
      </c>
      <c r="G68" s="425">
        <v>1021100</v>
      </c>
      <c r="H68" s="425">
        <v>11253.14</v>
      </c>
      <c r="I68" s="425">
        <v>58979.54</v>
      </c>
      <c r="J68" s="425">
        <v>7.5856748918119461E-4</v>
      </c>
      <c r="K68" s="425">
        <v>1078120.46</v>
      </c>
      <c r="L68" s="426">
        <v>0</v>
      </c>
    </row>
    <row r="69" spans="1:12" s="268" customFormat="1" ht="11.25" customHeight="1" x14ac:dyDescent="0.2">
      <c r="A69" s="446" t="s">
        <v>862</v>
      </c>
      <c r="B69" s="425">
        <v>6595000</v>
      </c>
      <c r="C69" s="425">
        <v>6595000</v>
      </c>
      <c r="D69" s="425">
        <v>51958.079999999871</v>
      </c>
      <c r="E69" s="425">
        <v>955350.16000000015</v>
      </c>
      <c r="F69" s="425">
        <v>8.4474414182894291E-3</v>
      </c>
      <c r="G69" s="425">
        <v>5639649.8399999999</v>
      </c>
      <c r="H69" s="425">
        <v>73039.33999999988</v>
      </c>
      <c r="I69" s="425">
        <v>930990.07999999996</v>
      </c>
      <c r="J69" s="425">
        <v>1.197396262226188E-2</v>
      </c>
      <c r="K69" s="425">
        <v>5664009.9199999999</v>
      </c>
      <c r="L69" s="426">
        <v>0</v>
      </c>
    </row>
    <row r="70" spans="1:12" s="268" customFormat="1" ht="10.5" x14ac:dyDescent="0.2">
      <c r="A70" s="446" t="s">
        <v>863</v>
      </c>
      <c r="B70" s="425">
        <v>4027800</v>
      </c>
      <c r="C70" s="425">
        <v>3610400</v>
      </c>
      <c r="D70" s="425">
        <v>5000.0000000000073</v>
      </c>
      <c r="E70" s="425">
        <v>416355.42000000004</v>
      </c>
      <c r="F70" s="425">
        <v>3.6815171723395025E-3</v>
      </c>
      <c r="G70" s="425">
        <v>3194044.58</v>
      </c>
      <c r="H70" s="425">
        <v>69165.67</v>
      </c>
      <c r="I70" s="425">
        <v>178191.47000000003</v>
      </c>
      <c r="J70" s="425">
        <v>2.2918160431805029E-3</v>
      </c>
      <c r="K70" s="425">
        <v>3432208.53</v>
      </c>
      <c r="L70" s="426">
        <v>0</v>
      </c>
    </row>
    <row r="71" spans="1:12" s="268" customFormat="1" ht="10.5" x14ac:dyDescent="0.2">
      <c r="A71" s="446" t="s">
        <v>647</v>
      </c>
      <c r="B71" s="425">
        <v>624500</v>
      </c>
      <c r="C71" s="425">
        <v>624500</v>
      </c>
      <c r="D71" s="425">
        <v>141.2300000000007</v>
      </c>
      <c r="E71" s="425">
        <v>57447.719999999987</v>
      </c>
      <c r="F71" s="425">
        <v>5.0796688966304646E-4</v>
      </c>
      <c r="G71" s="425">
        <v>567052.28</v>
      </c>
      <c r="H71" s="425">
        <v>6144.59</v>
      </c>
      <c r="I71" s="425">
        <v>25652.81</v>
      </c>
      <c r="J71" s="425">
        <v>3.2993454462585233E-4</v>
      </c>
      <c r="K71" s="425">
        <v>598847.18999999994</v>
      </c>
      <c r="L71" s="426">
        <v>0</v>
      </c>
    </row>
    <row r="72" spans="1:12" s="268" customFormat="1" ht="10.5" x14ac:dyDescent="0.2">
      <c r="A72" s="446" t="s">
        <v>864</v>
      </c>
      <c r="B72" s="425">
        <v>142500</v>
      </c>
      <c r="C72" s="425">
        <v>142500</v>
      </c>
      <c r="D72" s="425">
        <v>10915</v>
      </c>
      <c r="E72" s="425">
        <v>48915.5</v>
      </c>
      <c r="F72" s="425">
        <v>4.3252289892989245E-4</v>
      </c>
      <c r="G72" s="425">
        <v>93584.5</v>
      </c>
      <c r="H72" s="425">
        <v>14706</v>
      </c>
      <c r="I72" s="425">
        <v>36975.5</v>
      </c>
      <c r="J72" s="425">
        <v>4.7556173202129519E-4</v>
      </c>
      <c r="K72" s="425">
        <v>105524.5</v>
      </c>
      <c r="L72" s="426">
        <v>0</v>
      </c>
    </row>
    <row r="73" spans="1:12" s="268" customFormat="1" ht="10.5" x14ac:dyDescent="0.2">
      <c r="A73" s="446"/>
      <c r="B73" s="425"/>
      <c r="C73" s="423"/>
      <c r="D73" s="423"/>
      <c r="E73" s="423"/>
      <c r="F73" s="423"/>
      <c r="G73" s="423"/>
      <c r="H73" s="423"/>
      <c r="I73" s="423"/>
      <c r="J73" s="423"/>
      <c r="K73" s="423"/>
      <c r="L73" s="424"/>
    </row>
    <row r="74" spans="1:12" s="66" customFormat="1" ht="10.5" x14ac:dyDescent="0.2">
      <c r="A74" s="142" t="s">
        <v>663</v>
      </c>
      <c r="B74" s="423">
        <v>24178700</v>
      </c>
      <c r="C74" s="423">
        <v>24501533.490000002</v>
      </c>
      <c r="D74" s="423">
        <v>1342380.53</v>
      </c>
      <c r="E74" s="423">
        <v>8606828.0100000035</v>
      </c>
      <c r="F74" s="423">
        <v>7.6103693133591568E-2</v>
      </c>
      <c r="G74" s="423">
        <v>15894705.479999997</v>
      </c>
      <c r="H74" s="423">
        <v>1363332.7000000002</v>
      </c>
      <c r="I74" s="423">
        <v>5297120.5999999996</v>
      </c>
      <c r="J74" s="423">
        <v>6.812910838965483E-2</v>
      </c>
      <c r="K74" s="423">
        <v>19204412.890000001</v>
      </c>
      <c r="L74" s="424">
        <v>0</v>
      </c>
    </row>
    <row r="75" spans="1:12" s="268" customFormat="1" ht="10.5" x14ac:dyDescent="0.2">
      <c r="A75" s="446" t="s">
        <v>648</v>
      </c>
      <c r="B75" s="425">
        <v>7125000</v>
      </c>
      <c r="C75" s="425">
        <v>7967133.4900000002</v>
      </c>
      <c r="D75" s="425">
        <v>1168285.32</v>
      </c>
      <c r="E75" s="425">
        <v>6726204.8400000026</v>
      </c>
      <c r="F75" s="425">
        <v>5.9474759865340732E-2</v>
      </c>
      <c r="G75" s="425">
        <v>1240928.6499999976</v>
      </c>
      <c r="H75" s="425">
        <v>1267456.0200000003</v>
      </c>
      <c r="I75" s="425">
        <v>4381984.18</v>
      </c>
      <c r="J75" s="425">
        <v>5.635904818949615E-2</v>
      </c>
      <c r="K75" s="425">
        <v>3585149.3100000005</v>
      </c>
      <c r="L75" s="426">
        <v>0</v>
      </c>
    </row>
    <row r="76" spans="1:12" s="268" customFormat="1" ht="10.5" x14ac:dyDescent="0.2">
      <c r="A76" s="446" t="s">
        <v>671</v>
      </c>
      <c r="B76" s="425">
        <v>17053700</v>
      </c>
      <c r="C76" s="425">
        <v>16534400</v>
      </c>
      <c r="D76" s="425">
        <v>174095.21</v>
      </c>
      <c r="E76" s="425">
        <v>1880623.1700000002</v>
      </c>
      <c r="F76" s="425">
        <v>1.6628933268250837E-2</v>
      </c>
      <c r="G76" s="425">
        <v>14653776.83</v>
      </c>
      <c r="H76" s="425">
        <v>95876.68</v>
      </c>
      <c r="I76" s="425">
        <v>915136.42</v>
      </c>
      <c r="J76" s="425">
        <v>1.1770060200158685E-2</v>
      </c>
      <c r="K76" s="425">
        <v>15619263.58</v>
      </c>
      <c r="L76" s="426">
        <v>0</v>
      </c>
    </row>
    <row r="77" spans="1:12" ht="10.5" x14ac:dyDescent="0.2">
      <c r="A77" s="446"/>
      <c r="B77" s="425"/>
      <c r="C77" s="423"/>
      <c r="D77" s="423"/>
      <c r="E77" s="423"/>
      <c r="F77" s="423"/>
      <c r="G77" s="423"/>
      <c r="H77" s="423"/>
      <c r="I77" s="423"/>
      <c r="J77" s="423"/>
      <c r="K77" s="423"/>
      <c r="L77" s="424"/>
    </row>
    <row r="78" spans="1:12" s="66" customFormat="1" ht="10.5" x14ac:dyDescent="0.2">
      <c r="A78" s="142" t="s">
        <v>679</v>
      </c>
      <c r="B78" s="423">
        <v>1380321800</v>
      </c>
      <c r="C78" s="423">
        <v>1669836950.2599998</v>
      </c>
      <c r="D78" s="423">
        <v>229176626.81999999</v>
      </c>
      <c r="E78" s="423">
        <v>1534489315.8299985</v>
      </c>
      <c r="F78" s="423">
        <v>13.568332476612488</v>
      </c>
      <c r="G78" s="423">
        <v>135347634.43000129</v>
      </c>
      <c r="H78" s="423">
        <v>280257869.57000005</v>
      </c>
      <c r="I78" s="423">
        <v>1084384205.2399998</v>
      </c>
      <c r="J78" s="423">
        <v>13.946846717974603</v>
      </c>
      <c r="K78" s="423">
        <v>585452745.0200001</v>
      </c>
      <c r="L78" s="424">
        <v>0</v>
      </c>
    </row>
    <row r="79" spans="1:12" s="268" customFormat="1" ht="10.5" x14ac:dyDescent="0.2">
      <c r="A79" s="22" t="s">
        <v>648</v>
      </c>
      <c r="B79" s="425">
        <v>1085044900</v>
      </c>
      <c r="C79" s="425">
        <v>1377569658.2599998</v>
      </c>
      <c r="D79" s="425">
        <v>196535045.38000003</v>
      </c>
      <c r="E79" s="425">
        <v>1336986627.3399985</v>
      </c>
      <c r="F79" s="425">
        <v>11.821965059901174</v>
      </c>
      <c r="G79" s="425">
        <v>40583030.920001268</v>
      </c>
      <c r="H79" s="425">
        <v>236866997.74000007</v>
      </c>
      <c r="I79" s="425">
        <v>953178960.24999952</v>
      </c>
      <c r="J79" s="425">
        <v>12.259345708989658</v>
      </c>
      <c r="K79" s="425">
        <v>424390698.01000023</v>
      </c>
      <c r="L79" s="426">
        <v>0</v>
      </c>
    </row>
    <row r="80" spans="1:12" s="268" customFormat="1" ht="10.5" x14ac:dyDescent="0.2">
      <c r="A80" s="446" t="s">
        <v>672</v>
      </c>
      <c r="B80" s="425">
        <v>10066700</v>
      </c>
      <c r="C80" s="425">
        <v>14315505</v>
      </c>
      <c r="D80" s="425">
        <v>256560.54</v>
      </c>
      <c r="E80" s="425">
        <v>13536473.310000002</v>
      </c>
      <c r="F80" s="425">
        <v>0.11969283105208608</v>
      </c>
      <c r="G80" s="425">
        <v>779031.68999999762</v>
      </c>
      <c r="H80" s="425">
        <v>371135.3</v>
      </c>
      <c r="I80" s="425">
        <v>13112006.310000004</v>
      </c>
      <c r="J80" s="425">
        <v>0.16864054390225294</v>
      </c>
      <c r="K80" s="425">
        <v>1203498.6899999958</v>
      </c>
      <c r="L80" s="426">
        <v>0</v>
      </c>
    </row>
    <row r="81" spans="1:12" s="268" customFormat="1" ht="10.5" x14ac:dyDescent="0.2">
      <c r="A81" s="446" t="s">
        <v>673</v>
      </c>
      <c r="B81" s="425">
        <v>5402500</v>
      </c>
      <c r="C81" s="425">
        <v>18315096</v>
      </c>
      <c r="D81" s="425">
        <v>12565.920000000002</v>
      </c>
      <c r="E81" s="425">
        <v>14614547.530000001</v>
      </c>
      <c r="F81" s="425">
        <v>0.12922542883593746</v>
      </c>
      <c r="G81" s="425">
        <v>3700548.4699999988</v>
      </c>
      <c r="H81" s="425">
        <v>28747.440000000002</v>
      </c>
      <c r="I81" s="425">
        <v>14003372.23</v>
      </c>
      <c r="J81" s="425">
        <v>0.18010487895600349</v>
      </c>
      <c r="K81" s="425">
        <v>4311723.7699999996</v>
      </c>
      <c r="L81" s="426">
        <v>0</v>
      </c>
    </row>
    <row r="82" spans="1:12" s="268" customFormat="1" ht="10.5" x14ac:dyDescent="0.2">
      <c r="A82" s="446" t="s">
        <v>674</v>
      </c>
      <c r="B82" s="425">
        <v>13770800</v>
      </c>
      <c r="C82" s="425">
        <v>15695939</v>
      </c>
      <c r="D82" s="425">
        <v>40490.619999999879</v>
      </c>
      <c r="E82" s="425">
        <v>10834051.240000004</v>
      </c>
      <c r="F82" s="425">
        <v>9.5797349500256507E-2</v>
      </c>
      <c r="G82" s="425">
        <v>4861887.7599999961</v>
      </c>
      <c r="H82" s="425">
        <v>2290869.9699999997</v>
      </c>
      <c r="I82" s="425">
        <v>7035428.3000000017</v>
      </c>
      <c r="J82" s="425">
        <v>9.0486415812081986E-2</v>
      </c>
      <c r="K82" s="425">
        <v>8660510.6999999993</v>
      </c>
      <c r="L82" s="426">
        <v>0</v>
      </c>
    </row>
    <row r="83" spans="1:12" s="268" customFormat="1" ht="10.5" x14ac:dyDescent="0.2">
      <c r="A83" s="446" t="s">
        <v>675</v>
      </c>
      <c r="B83" s="425">
        <v>44663400</v>
      </c>
      <c r="C83" s="425">
        <v>44330200</v>
      </c>
      <c r="D83" s="425">
        <v>4346688.2100000009</v>
      </c>
      <c r="E83" s="425">
        <v>18911033.509999994</v>
      </c>
      <c r="F83" s="425">
        <v>0.16721601609930464</v>
      </c>
      <c r="G83" s="425">
        <v>25419166.490000006</v>
      </c>
      <c r="H83" s="425">
        <v>5741904.1299999999</v>
      </c>
      <c r="I83" s="425">
        <v>12966793.42</v>
      </c>
      <c r="J83" s="425">
        <v>0.16677288305979726</v>
      </c>
      <c r="K83" s="425">
        <v>31363406.579999998</v>
      </c>
      <c r="L83" s="426">
        <v>0</v>
      </c>
    </row>
    <row r="84" spans="1:12" s="268" customFormat="1" ht="10.5" x14ac:dyDescent="0.2">
      <c r="A84" s="446" t="s">
        <v>676</v>
      </c>
      <c r="B84" s="425">
        <v>177600</v>
      </c>
      <c r="C84" s="425">
        <v>0</v>
      </c>
      <c r="D84" s="425">
        <v>0</v>
      </c>
      <c r="E84" s="425">
        <v>0</v>
      </c>
      <c r="F84" s="425">
        <v>0</v>
      </c>
      <c r="G84" s="425">
        <v>0</v>
      </c>
      <c r="H84" s="425">
        <v>0</v>
      </c>
      <c r="I84" s="425">
        <v>0</v>
      </c>
      <c r="J84" s="425">
        <v>0</v>
      </c>
      <c r="K84" s="425">
        <v>0</v>
      </c>
      <c r="L84" s="426">
        <v>0</v>
      </c>
    </row>
    <row r="85" spans="1:12" s="268" customFormat="1" ht="10.5" x14ac:dyDescent="0.2">
      <c r="A85" s="446" t="s">
        <v>677</v>
      </c>
      <c r="B85" s="425">
        <v>4171000</v>
      </c>
      <c r="C85" s="425">
        <v>10322736</v>
      </c>
      <c r="D85" s="425">
        <v>4534607.4800000004</v>
      </c>
      <c r="E85" s="425">
        <v>7816582.3999999985</v>
      </c>
      <c r="F85" s="425">
        <v>6.9116146811795343E-2</v>
      </c>
      <c r="G85" s="425">
        <v>2506153.6000000015</v>
      </c>
      <c r="H85" s="425">
        <v>2768080.9299999997</v>
      </c>
      <c r="I85" s="425">
        <v>4792046.72</v>
      </c>
      <c r="J85" s="425">
        <v>6.1633082394833512E-2</v>
      </c>
      <c r="K85" s="425">
        <v>5530689.2800000003</v>
      </c>
      <c r="L85" s="426">
        <v>0</v>
      </c>
    </row>
    <row r="86" spans="1:12" s="268" customFormat="1" ht="10.5" x14ac:dyDescent="0.2">
      <c r="A86" s="446" t="s">
        <v>678</v>
      </c>
      <c r="B86" s="425">
        <v>19362700</v>
      </c>
      <c r="C86" s="425">
        <v>12155165</v>
      </c>
      <c r="D86" s="425">
        <v>555943.95999999926</v>
      </c>
      <c r="E86" s="425">
        <v>8985872.070000004</v>
      </c>
      <c r="F86" s="425">
        <v>7.9455294070990889E-2</v>
      </c>
      <c r="G86" s="425">
        <v>3169292.929999996</v>
      </c>
      <c r="H86" s="425">
        <v>2216503.54</v>
      </c>
      <c r="I86" s="425">
        <v>4633199.2600000007</v>
      </c>
      <c r="J86" s="425">
        <v>5.9590060036656255E-2</v>
      </c>
      <c r="K86" s="425">
        <v>7521965.7399999993</v>
      </c>
      <c r="L86" s="426">
        <v>0</v>
      </c>
    </row>
    <row r="87" spans="1:12" s="268" customFormat="1" ht="10.5" x14ac:dyDescent="0.2">
      <c r="A87" s="446" t="s">
        <v>747</v>
      </c>
      <c r="B87" s="425">
        <v>192709500</v>
      </c>
      <c r="C87" s="425">
        <v>171326451</v>
      </c>
      <c r="D87" s="425">
        <v>21265741.289999999</v>
      </c>
      <c r="E87" s="425">
        <v>119611301.43999997</v>
      </c>
      <c r="F87" s="425">
        <v>1.0576325876993182</v>
      </c>
      <c r="G87" s="425">
        <v>51715149.560000032</v>
      </c>
      <c r="H87" s="425">
        <v>28303899.879999992</v>
      </c>
      <c r="I87" s="425">
        <v>71594623.390000045</v>
      </c>
      <c r="J87" s="425">
        <v>0.92081684095578853</v>
      </c>
      <c r="K87" s="425">
        <v>99731827.609999955</v>
      </c>
      <c r="L87" s="426">
        <v>0</v>
      </c>
    </row>
    <row r="88" spans="1:12" s="268" customFormat="1" ht="10.5" x14ac:dyDescent="0.2">
      <c r="A88" s="446" t="s">
        <v>700</v>
      </c>
      <c r="B88" s="425">
        <v>4702700</v>
      </c>
      <c r="C88" s="425">
        <v>4992700</v>
      </c>
      <c r="D88" s="425">
        <v>1644750.78</v>
      </c>
      <c r="E88" s="425">
        <v>3188594.350000001</v>
      </c>
      <c r="F88" s="425">
        <v>2.8194336596242018E-2</v>
      </c>
      <c r="G88" s="425">
        <v>1804105.649999999</v>
      </c>
      <c r="H88" s="425">
        <v>1670844.7699999998</v>
      </c>
      <c r="I88" s="425">
        <v>3063542.72</v>
      </c>
      <c r="J88" s="425">
        <v>3.9401865614918791E-2</v>
      </c>
      <c r="K88" s="425">
        <v>1929157.2799999998</v>
      </c>
      <c r="L88" s="426">
        <v>0</v>
      </c>
    </row>
    <row r="89" spans="1:12" s="268" customFormat="1" ht="10.5" x14ac:dyDescent="0.2">
      <c r="A89" s="446" t="s">
        <v>702</v>
      </c>
      <c r="B89" s="425">
        <v>0</v>
      </c>
      <c r="C89" s="425">
        <v>0</v>
      </c>
      <c r="D89" s="425">
        <v>0</v>
      </c>
      <c r="E89" s="425">
        <v>0</v>
      </c>
      <c r="F89" s="425">
        <v>0</v>
      </c>
      <c r="G89" s="425">
        <v>0</v>
      </c>
      <c r="H89" s="425">
        <v>0</v>
      </c>
      <c r="I89" s="425">
        <v>0</v>
      </c>
      <c r="J89" s="425">
        <v>0</v>
      </c>
      <c r="K89" s="425">
        <v>0</v>
      </c>
      <c r="L89" s="426">
        <v>0</v>
      </c>
    </row>
    <row r="90" spans="1:12" s="268" customFormat="1" ht="10.5" x14ac:dyDescent="0.2">
      <c r="A90" s="446" t="s">
        <v>726</v>
      </c>
      <c r="B90" s="425">
        <v>0</v>
      </c>
      <c r="C90" s="425">
        <v>0</v>
      </c>
      <c r="D90" s="425">
        <v>0</v>
      </c>
      <c r="E90" s="425">
        <v>0</v>
      </c>
      <c r="F90" s="425">
        <v>0</v>
      </c>
      <c r="G90" s="425">
        <v>0</v>
      </c>
      <c r="H90" s="425">
        <v>0</v>
      </c>
      <c r="I90" s="425">
        <v>0</v>
      </c>
      <c r="J90" s="425">
        <v>0</v>
      </c>
      <c r="K90" s="425">
        <v>0</v>
      </c>
      <c r="L90" s="426">
        <v>0</v>
      </c>
    </row>
    <row r="91" spans="1:12" s="268" customFormat="1" ht="10.5" x14ac:dyDescent="0.2">
      <c r="A91" s="446" t="s">
        <v>684</v>
      </c>
      <c r="B91" s="425">
        <v>250000</v>
      </c>
      <c r="C91" s="425">
        <v>813500</v>
      </c>
      <c r="D91" s="425">
        <v>-15767.360000000002</v>
      </c>
      <c r="E91" s="425">
        <v>4232.6399999999976</v>
      </c>
      <c r="F91" s="425">
        <v>3.7426045382887197E-5</v>
      </c>
      <c r="G91" s="425">
        <v>809267.36</v>
      </c>
      <c r="H91" s="425">
        <v>-1114.1299999999999</v>
      </c>
      <c r="I91" s="425">
        <v>4232.6399999999994</v>
      </c>
      <c r="J91" s="425">
        <v>4232.6399999999976</v>
      </c>
      <c r="K91" s="425">
        <v>809267.36</v>
      </c>
      <c r="L91" s="426">
        <v>0</v>
      </c>
    </row>
    <row r="92" spans="1:12" ht="10.5" x14ac:dyDescent="0.2">
      <c r="A92" s="446"/>
      <c r="B92" s="425"/>
      <c r="C92" s="423"/>
      <c r="D92" s="423"/>
      <c r="E92" s="423"/>
      <c r="F92" s="423"/>
      <c r="G92" s="423"/>
      <c r="H92" s="423"/>
      <c r="I92" s="423"/>
      <c r="J92" s="423"/>
      <c r="K92" s="423"/>
      <c r="L92" s="424"/>
    </row>
    <row r="93" spans="1:12" s="66" customFormat="1" ht="10.5" x14ac:dyDescent="0.2">
      <c r="A93" s="142" t="s">
        <v>680</v>
      </c>
      <c r="B93" s="423">
        <v>53433000</v>
      </c>
      <c r="C93" s="423">
        <v>57517825</v>
      </c>
      <c r="D93" s="423">
        <v>4558765.5899999971</v>
      </c>
      <c r="E93" s="423">
        <v>15511575.550000006</v>
      </c>
      <c r="F93" s="423">
        <v>0.1371571715275535</v>
      </c>
      <c r="G93" s="423">
        <v>42006249.449999996</v>
      </c>
      <c r="H93" s="423">
        <v>4454722.1399999997</v>
      </c>
      <c r="I93" s="423">
        <v>12598766.84</v>
      </c>
      <c r="J93" s="423">
        <v>0.1620394958759952</v>
      </c>
      <c r="K93" s="423">
        <v>44919058.159999996</v>
      </c>
      <c r="L93" s="424">
        <v>0</v>
      </c>
    </row>
    <row r="94" spans="1:12" ht="10.5" x14ac:dyDescent="0.2">
      <c r="A94" s="446" t="s">
        <v>681</v>
      </c>
      <c r="B94" s="425">
        <v>53293000</v>
      </c>
      <c r="C94" s="425">
        <v>57377825</v>
      </c>
      <c r="D94" s="425">
        <v>4558765.5899999971</v>
      </c>
      <c r="E94" s="425">
        <v>15511575.550000006</v>
      </c>
      <c r="F94" s="425">
        <v>0.1371571715275535</v>
      </c>
      <c r="G94" s="425">
        <v>41866249.449999996</v>
      </c>
      <c r="H94" s="425">
        <v>4454722.1399999997</v>
      </c>
      <c r="I94" s="425">
        <v>12598766.84</v>
      </c>
      <c r="J94" s="425">
        <v>0.1620394958759952</v>
      </c>
      <c r="K94" s="425">
        <v>44779058.159999996</v>
      </c>
      <c r="L94" s="424">
        <v>0</v>
      </c>
    </row>
    <row r="95" spans="1:12" s="268" customFormat="1" ht="10.5" x14ac:dyDescent="0.2">
      <c r="A95" s="446" t="s">
        <v>713</v>
      </c>
      <c r="B95" s="425">
        <v>140000</v>
      </c>
      <c r="C95" s="425">
        <v>140000</v>
      </c>
      <c r="D95" s="425">
        <v>0</v>
      </c>
      <c r="E95" s="425">
        <v>0</v>
      </c>
      <c r="F95" s="425">
        <v>0</v>
      </c>
      <c r="G95" s="425">
        <v>140000</v>
      </c>
      <c r="H95" s="425">
        <v>0</v>
      </c>
      <c r="I95" s="425">
        <v>0</v>
      </c>
      <c r="J95" s="425">
        <v>0</v>
      </c>
      <c r="K95" s="425">
        <v>140000</v>
      </c>
      <c r="L95" s="424">
        <v>0</v>
      </c>
    </row>
    <row r="96" spans="1:12" ht="10.5" x14ac:dyDescent="0.2">
      <c r="A96" s="446"/>
      <c r="B96" s="425"/>
      <c r="C96" s="423"/>
      <c r="D96" s="423"/>
      <c r="E96" s="423"/>
      <c r="F96" s="423"/>
      <c r="G96" s="423"/>
      <c r="H96" s="423"/>
      <c r="I96" s="423"/>
      <c r="J96" s="423"/>
      <c r="K96" s="423"/>
      <c r="L96" s="424"/>
    </row>
    <row r="97" spans="1:12" s="66" customFormat="1" ht="10.5" x14ac:dyDescent="0.2">
      <c r="A97" s="142" t="s">
        <v>682</v>
      </c>
      <c r="B97" s="423">
        <v>176717300</v>
      </c>
      <c r="C97" s="423">
        <v>258943072.05000001</v>
      </c>
      <c r="D97" s="423">
        <v>25809649.050000004</v>
      </c>
      <c r="E97" s="423">
        <v>182289599.98999986</v>
      </c>
      <c r="F97" s="423">
        <v>1.6118495411974778</v>
      </c>
      <c r="G97" s="423">
        <v>76653472.060000166</v>
      </c>
      <c r="H97" s="423">
        <v>38732706.210000008</v>
      </c>
      <c r="I97" s="423">
        <v>158506153.21999994</v>
      </c>
      <c r="J97" s="423">
        <v>2.0386326286686041</v>
      </c>
      <c r="K97" s="423">
        <v>100436918.83000007</v>
      </c>
      <c r="L97" s="424">
        <v>0</v>
      </c>
    </row>
    <row r="98" spans="1:12" ht="10.5" x14ac:dyDescent="0.2">
      <c r="A98" s="446" t="s">
        <v>653</v>
      </c>
      <c r="B98" s="425">
        <v>9738100</v>
      </c>
      <c r="C98" s="425">
        <v>9705100</v>
      </c>
      <c r="D98" s="425">
        <v>439243.32999999996</v>
      </c>
      <c r="E98" s="425">
        <v>8218358.46</v>
      </c>
      <c r="F98" s="425">
        <v>7.2668749692105905E-2</v>
      </c>
      <c r="G98" s="425">
        <v>1486741.54</v>
      </c>
      <c r="H98" s="425">
        <v>1389321.78</v>
      </c>
      <c r="I98" s="425">
        <v>5367888.6199999992</v>
      </c>
      <c r="J98" s="425">
        <v>6.9039293841181321E-2</v>
      </c>
      <c r="K98" s="425">
        <v>4337211.3800000008</v>
      </c>
      <c r="L98" s="424">
        <v>0</v>
      </c>
    </row>
    <row r="99" spans="1:12" ht="10.5" x14ac:dyDescent="0.2">
      <c r="A99" s="446" t="s">
        <v>683</v>
      </c>
      <c r="B99" s="425">
        <v>163544000</v>
      </c>
      <c r="C99" s="425">
        <v>245194472.05000001</v>
      </c>
      <c r="D99" s="425">
        <v>25240203.250000007</v>
      </c>
      <c r="E99" s="425">
        <v>173220880.83999985</v>
      </c>
      <c r="F99" s="425">
        <v>1.5316616928398195</v>
      </c>
      <c r="G99" s="425">
        <v>71973591.210000157</v>
      </c>
      <c r="H99" s="425">
        <v>37251739.900000006</v>
      </c>
      <c r="I99" s="425">
        <v>152651258.62999994</v>
      </c>
      <c r="J99" s="425">
        <v>1.9633296899112509</v>
      </c>
      <c r="K99" s="425">
        <v>92543213.420000076</v>
      </c>
      <c r="L99" s="424">
        <v>0</v>
      </c>
    </row>
    <row r="100" spans="1:12" ht="10.5" x14ac:dyDescent="0.2">
      <c r="A100" s="446" t="s">
        <v>684</v>
      </c>
      <c r="B100" s="425">
        <v>3225200</v>
      </c>
      <c r="C100" s="425">
        <v>3833500</v>
      </c>
      <c r="D100" s="425">
        <v>130202.47</v>
      </c>
      <c r="E100" s="425">
        <v>850360.69</v>
      </c>
      <c r="F100" s="425">
        <v>7.5190986655523009E-3</v>
      </c>
      <c r="G100" s="425">
        <v>2983139.31</v>
      </c>
      <c r="H100" s="425">
        <v>91644.530000000013</v>
      </c>
      <c r="I100" s="425">
        <v>487005.97000000003</v>
      </c>
      <c r="J100" s="425">
        <v>6.263644916171816E-3</v>
      </c>
      <c r="K100" s="425">
        <v>3346494.03</v>
      </c>
      <c r="L100" s="424">
        <v>0</v>
      </c>
    </row>
    <row r="101" spans="1:12" s="268" customFormat="1" ht="10.5" x14ac:dyDescent="0.2">
      <c r="A101" s="446" t="s">
        <v>685</v>
      </c>
      <c r="B101" s="425">
        <v>210000</v>
      </c>
      <c r="C101" s="425">
        <v>210000</v>
      </c>
      <c r="D101" s="425">
        <v>0</v>
      </c>
      <c r="E101" s="425">
        <v>0</v>
      </c>
      <c r="F101" s="425">
        <v>0</v>
      </c>
      <c r="G101" s="425">
        <v>210000</v>
      </c>
      <c r="H101" s="425">
        <v>0</v>
      </c>
      <c r="I101" s="425">
        <v>0</v>
      </c>
      <c r="J101" s="500">
        <v>0</v>
      </c>
      <c r="K101" s="425">
        <v>210000</v>
      </c>
      <c r="L101" s="424">
        <v>0</v>
      </c>
    </row>
    <row r="102" spans="1:12" ht="10.5" x14ac:dyDescent="0.2">
      <c r="A102" s="446"/>
      <c r="B102" s="425"/>
      <c r="C102" s="425"/>
      <c r="D102" s="425"/>
      <c r="E102" s="425"/>
      <c r="F102" s="425"/>
      <c r="G102" s="425"/>
      <c r="H102" s="425"/>
      <c r="I102" s="425"/>
      <c r="J102" s="423"/>
      <c r="K102" s="423"/>
      <c r="L102" s="424"/>
    </row>
    <row r="103" spans="1:12" s="66" customFormat="1" ht="10.5" x14ac:dyDescent="0.2">
      <c r="A103" s="142" t="s">
        <v>686</v>
      </c>
      <c r="B103" s="423">
        <v>22559400</v>
      </c>
      <c r="C103" s="423">
        <v>17703500</v>
      </c>
      <c r="D103" s="423">
        <v>167101.55000000005</v>
      </c>
      <c r="E103" s="423">
        <v>9754864.4899999984</v>
      </c>
      <c r="F103" s="423">
        <v>8.6254914452127976E-2</v>
      </c>
      <c r="G103" s="423">
        <v>7948635.5100000016</v>
      </c>
      <c r="H103" s="423">
        <v>503099.65</v>
      </c>
      <c r="I103" s="423">
        <v>2624619.5099999993</v>
      </c>
      <c r="J103" s="423">
        <v>3.3756638857418635E-2</v>
      </c>
      <c r="K103" s="423">
        <v>15078880.49</v>
      </c>
      <c r="L103" s="424">
        <v>0</v>
      </c>
    </row>
    <row r="104" spans="1:12" s="268" customFormat="1" ht="10.5" x14ac:dyDescent="0.2">
      <c r="A104" s="446" t="s">
        <v>687</v>
      </c>
      <c r="B104" s="425">
        <v>22559400</v>
      </c>
      <c r="C104" s="425">
        <v>17703500</v>
      </c>
      <c r="D104" s="425">
        <v>167101.55000000005</v>
      </c>
      <c r="E104" s="425">
        <v>9754864.4899999984</v>
      </c>
      <c r="F104" s="425">
        <v>8.6254914452127976E-2</v>
      </c>
      <c r="G104" s="425">
        <v>7948635.5100000016</v>
      </c>
      <c r="H104" s="425">
        <v>503099.65</v>
      </c>
      <c r="I104" s="425">
        <v>2624619.5099999993</v>
      </c>
      <c r="J104" s="425">
        <v>3.3756638857418635E-2</v>
      </c>
      <c r="K104" s="425">
        <v>15078880.49</v>
      </c>
      <c r="L104" s="426">
        <v>0</v>
      </c>
    </row>
    <row r="105" spans="1:12" s="268" customFormat="1" ht="10.5" x14ac:dyDescent="0.2">
      <c r="A105" s="446" t="s">
        <v>688</v>
      </c>
      <c r="B105" s="425">
        <v>0</v>
      </c>
      <c r="C105" s="425">
        <v>0</v>
      </c>
      <c r="D105" s="425">
        <v>0</v>
      </c>
      <c r="E105" s="425">
        <v>0</v>
      </c>
      <c r="F105" s="425">
        <v>0</v>
      </c>
      <c r="G105" s="425">
        <v>0</v>
      </c>
      <c r="H105" s="425">
        <v>0</v>
      </c>
      <c r="I105" s="425">
        <v>0</v>
      </c>
      <c r="J105" s="425">
        <v>0</v>
      </c>
      <c r="K105" s="425">
        <v>0</v>
      </c>
      <c r="L105" s="426">
        <v>0</v>
      </c>
    </row>
    <row r="106" spans="1:12" ht="10.5" x14ac:dyDescent="0.2">
      <c r="A106" s="446"/>
      <c r="B106" s="425"/>
      <c r="C106" s="423"/>
      <c r="D106" s="423"/>
      <c r="E106" s="423"/>
      <c r="F106" s="423"/>
      <c r="G106" s="423"/>
      <c r="H106" s="423"/>
      <c r="I106" s="423"/>
      <c r="J106" s="423"/>
      <c r="K106" s="423"/>
      <c r="L106" s="424"/>
    </row>
    <row r="107" spans="1:12" s="66" customFormat="1" ht="10.5" x14ac:dyDescent="0.2">
      <c r="A107" s="171" t="s">
        <v>748</v>
      </c>
      <c r="B107" s="423">
        <v>135754500</v>
      </c>
      <c r="C107" s="423">
        <v>141246900</v>
      </c>
      <c r="D107" s="423">
        <v>9221629.8300000019</v>
      </c>
      <c r="E107" s="423">
        <v>35682277.400000006</v>
      </c>
      <c r="F107" s="423">
        <v>0.31551148534653811</v>
      </c>
      <c r="G107" s="423">
        <v>105564622.59999999</v>
      </c>
      <c r="H107" s="423">
        <v>7718710.0300000012</v>
      </c>
      <c r="I107" s="423">
        <v>24826167.07</v>
      </c>
      <c r="J107" s="423">
        <v>0.31930264665141089</v>
      </c>
      <c r="K107" s="423">
        <v>116420732.93000001</v>
      </c>
      <c r="L107" s="424">
        <v>0</v>
      </c>
    </row>
    <row r="108" spans="1:12" ht="10.5" x14ac:dyDescent="0.2">
      <c r="A108" s="446" t="s">
        <v>648</v>
      </c>
      <c r="B108" s="425">
        <v>11933500</v>
      </c>
      <c r="C108" s="425">
        <v>17571300</v>
      </c>
      <c r="D108" s="425">
        <v>3696014.4900000021</v>
      </c>
      <c r="E108" s="425">
        <v>13909694.630000012</v>
      </c>
      <c r="F108" s="425">
        <v>0.1229929458882596</v>
      </c>
      <c r="G108" s="425">
        <v>3661605.369999988</v>
      </c>
      <c r="H108" s="425">
        <v>2097183.9900000007</v>
      </c>
      <c r="I108" s="425">
        <v>8282027.1600000001</v>
      </c>
      <c r="J108" s="425">
        <v>0.10651959218555554</v>
      </c>
      <c r="K108" s="425">
        <v>9289272.8399999999</v>
      </c>
      <c r="L108" s="424">
        <v>0</v>
      </c>
    </row>
    <row r="109" spans="1:12" ht="10.5" x14ac:dyDescent="0.2">
      <c r="A109" s="446" t="s">
        <v>649</v>
      </c>
      <c r="B109" s="425">
        <v>1000</v>
      </c>
      <c r="C109" s="425">
        <v>1000</v>
      </c>
      <c r="D109" s="425">
        <v>0</v>
      </c>
      <c r="E109" s="425">
        <v>0</v>
      </c>
      <c r="F109" s="425">
        <v>0</v>
      </c>
      <c r="G109" s="425">
        <v>1000</v>
      </c>
      <c r="H109" s="425">
        <v>0</v>
      </c>
      <c r="I109" s="425">
        <v>0</v>
      </c>
      <c r="J109" s="425">
        <v>0</v>
      </c>
      <c r="K109" s="425">
        <v>1000</v>
      </c>
      <c r="L109" s="424">
        <v>0</v>
      </c>
    </row>
    <row r="110" spans="1:12" ht="10.5" x14ac:dyDescent="0.2">
      <c r="A110" s="446" t="s">
        <v>690</v>
      </c>
      <c r="B110" s="425">
        <v>123820000</v>
      </c>
      <c r="C110" s="425">
        <v>123674600</v>
      </c>
      <c r="D110" s="425">
        <v>5525615.3400000008</v>
      </c>
      <c r="E110" s="425">
        <v>21772582.769999996</v>
      </c>
      <c r="F110" s="425">
        <v>0.19251853945827854</v>
      </c>
      <c r="G110" s="425">
        <v>101902017.23</v>
      </c>
      <c r="H110" s="425">
        <v>5621526.04</v>
      </c>
      <c r="I110" s="425">
        <v>16544139.910000002</v>
      </c>
      <c r="J110" s="425">
        <v>0.21278305446585538</v>
      </c>
      <c r="K110" s="425">
        <v>107130460.09</v>
      </c>
      <c r="L110" s="424">
        <v>0</v>
      </c>
    </row>
    <row r="111" spans="1:12" ht="10.5" x14ac:dyDescent="0.2">
      <c r="A111" s="446"/>
      <c r="B111" s="425"/>
      <c r="C111" s="425"/>
      <c r="D111" s="425"/>
      <c r="E111" s="425"/>
      <c r="F111" s="425"/>
      <c r="G111" s="425"/>
      <c r="H111" s="425"/>
      <c r="I111" s="425"/>
      <c r="J111" s="425"/>
      <c r="K111" s="425"/>
      <c r="L111" s="424"/>
    </row>
    <row r="112" spans="1:12" s="66" customFormat="1" ht="10.5" x14ac:dyDescent="0.2">
      <c r="A112" s="142" t="s">
        <v>691</v>
      </c>
      <c r="B112" s="423">
        <v>104391400</v>
      </c>
      <c r="C112" s="423">
        <v>115244400</v>
      </c>
      <c r="D112" s="423">
        <v>6517514.1000000015</v>
      </c>
      <c r="E112" s="423">
        <v>80977350.919999987</v>
      </c>
      <c r="F112" s="423">
        <v>0.7160216816261018</v>
      </c>
      <c r="G112" s="423">
        <v>34267049.080000013</v>
      </c>
      <c r="H112" s="423">
        <v>2734466.2800000003</v>
      </c>
      <c r="I112" s="423">
        <v>7284029.1499999994</v>
      </c>
      <c r="J112" s="423">
        <v>9.3683804645443666E-2</v>
      </c>
      <c r="K112" s="423">
        <v>107960370.84999999</v>
      </c>
      <c r="L112" s="424">
        <v>0</v>
      </c>
    </row>
    <row r="113" spans="1:12" ht="10.5" x14ac:dyDescent="0.2">
      <c r="A113" s="446" t="s">
        <v>692</v>
      </c>
      <c r="B113" s="425">
        <v>104391400</v>
      </c>
      <c r="C113" s="425">
        <v>115244400</v>
      </c>
      <c r="D113" s="425">
        <v>6517514.1000000015</v>
      </c>
      <c r="E113" s="425">
        <v>80977350.919999987</v>
      </c>
      <c r="F113" s="425">
        <v>0.7160216816261018</v>
      </c>
      <c r="G113" s="425">
        <v>34267049.080000013</v>
      </c>
      <c r="H113" s="425">
        <v>2734466.2800000003</v>
      </c>
      <c r="I113" s="425">
        <v>7284029.1499999994</v>
      </c>
      <c r="J113" s="425">
        <v>9.3683804645443666E-2</v>
      </c>
      <c r="K113" s="425">
        <v>107960370.84999999</v>
      </c>
      <c r="L113" s="424">
        <v>0</v>
      </c>
    </row>
    <row r="114" spans="1:12" ht="10.5" x14ac:dyDescent="0.2">
      <c r="A114" s="446"/>
      <c r="B114" s="425"/>
      <c r="C114" s="423"/>
      <c r="D114" s="423"/>
      <c r="E114" s="423"/>
      <c r="F114" s="423"/>
      <c r="G114" s="423"/>
      <c r="H114" s="423"/>
      <c r="I114" s="423"/>
      <c r="J114" s="425"/>
      <c r="K114" s="425"/>
      <c r="L114" s="424"/>
    </row>
    <row r="115" spans="1:12" s="66" customFormat="1" ht="10.5" x14ac:dyDescent="0.2">
      <c r="A115" s="142" t="s">
        <v>693</v>
      </c>
      <c r="B115" s="423">
        <v>98683000</v>
      </c>
      <c r="C115" s="423">
        <v>97811795.049999997</v>
      </c>
      <c r="D115" s="423">
        <v>7775905.2599999998</v>
      </c>
      <c r="E115" s="423">
        <v>32409305.770000007</v>
      </c>
      <c r="F115" s="423">
        <v>0.28657106405833921</v>
      </c>
      <c r="G115" s="423">
        <v>65402489.279999994</v>
      </c>
      <c r="H115" s="423">
        <v>5813995.7100000009</v>
      </c>
      <c r="I115" s="423">
        <v>22272798.819999997</v>
      </c>
      <c r="J115" s="423">
        <v>0.28646240845427534</v>
      </c>
      <c r="K115" s="423">
        <v>75538996.229999989</v>
      </c>
      <c r="L115" s="424">
        <v>0</v>
      </c>
    </row>
    <row r="116" spans="1:12" ht="10.5" x14ac:dyDescent="0.2">
      <c r="A116" s="446" t="s">
        <v>749</v>
      </c>
      <c r="B116" s="425">
        <v>36057800</v>
      </c>
      <c r="C116" s="425">
        <v>34713095.049999997</v>
      </c>
      <c r="D116" s="425">
        <v>4541603.6400000025</v>
      </c>
      <c r="E116" s="425">
        <v>19287216.820000004</v>
      </c>
      <c r="F116" s="425">
        <v>0.17054232158059882</v>
      </c>
      <c r="G116" s="425">
        <v>15425878.229999993</v>
      </c>
      <c r="H116" s="425">
        <v>4631085.0100000007</v>
      </c>
      <c r="I116" s="425">
        <v>17961294.48</v>
      </c>
      <c r="J116" s="425">
        <v>0.23100983927880162</v>
      </c>
      <c r="K116" s="425">
        <v>16751800.569999997</v>
      </c>
      <c r="L116" s="424">
        <v>0</v>
      </c>
    </row>
    <row r="117" spans="1:12" ht="10.5" x14ac:dyDescent="0.2">
      <c r="A117" s="446" t="s">
        <v>694</v>
      </c>
      <c r="B117" s="425">
        <v>42339400</v>
      </c>
      <c r="C117" s="425">
        <v>41820900</v>
      </c>
      <c r="D117" s="425">
        <v>3395089.8099999977</v>
      </c>
      <c r="E117" s="425">
        <v>5416178.839999998</v>
      </c>
      <c r="F117" s="425">
        <v>4.7891187312805575E-2</v>
      </c>
      <c r="G117" s="425">
        <v>36404721.160000004</v>
      </c>
      <c r="H117" s="425">
        <v>732295.57999999984</v>
      </c>
      <c r="I117" s="425">
        <v>1952927.5799999987</v>
      </c>
      <c r="J117" s="425">
        <v>2.5117648779785423E-2</v>
      </c>
      <c r="K117" s="425">
        <v>39867972.420000002</v>
      </c>
      <c r="L117" s="424">
        <v>0</v>
      </c>
    </row>
    <row r="118" spans="1:12" ht="10.5" x14ac:dyDescent="0.2">
      <c r="A118" s="446" t="s">
        <v>695</v>
      </c>
      <c r="B118" s="425">
        <v>18840000</v>
      </c>
      <c r="C118" s="425">
        <v>19832000</v>
      </c>
      <c r="D118" s="425">
        <v>-306624.52999999997</v>
      </c>
      <c r="E118" s="425">
        <v>7263388.0900000017</v>
      </c>
      <c r="F118" s="425">
        <v>6.4224666470539093E-2</v>
      </c>
      <c r="G118" s="425">
        <v>12568611.909999998</v>
      </c>
      <c r="H118" s="425">
        <v>341548.16000000003</v>
      </c>
      <c r="I118" s="425">
        <v>1997509.8599999996</v>
      </c>
      <c r="J118" s="425">
        <v>2.5691045388195288E-2</v>
      </c>
      <c r="K118" s="425">
        <v>17834490.140000001</v>
      </c>
      <c r="L118" s="424">
        <v>0</v>
      </c>
    </row>
    <row r="119" spans="1:12" ht="10.5" x14ac:dyDescent="0.2">
      <c r="A119" s="446" t="s">
        <v>697</v>
      </c>
      <c r="B119" s="425">
        <v>945800</v>
      </c>
      <c r="C119" s="425">
        <v>945800</v>
      </c>
      <c r="D119" s="425">
        <v>145836.34</v>
      </c>
      <c r="E119" s="425">
        <v>442522.01999999996</v>
      </c>
      <c r="F119" s="425">
        <v>3.9128886943956788E-3</v>
      </c>
      <c r="G119" s="425">
        <v>503277.98000000004</v>
      </c>
      <c r="H119" s="425">
        <v>109066.96</v>
      </c>
      <c r="I119" s="425">
        <v>361066.89999999997</v>
      </c>
      <c r="J119" s="425">
        <v>4.6438750074930639E-3</v>
      </c>
      <c r="K119" s="425">
        <v>584733.10000000009</v>
      </c>
      <c r="L119" s="424">
        <v>0</v>
      </c>
    </row>
    <row r="120" spans="1:12" ht="10.5" x14ac:dyDescent="0.2">
      <c r="A120" s="446" t="s">
        <v>698</v>
      </c>
      <c r="B120" s="425">
        <v>500000</v>
      </c>
      <c r="C120" s="425">
        <v>500000</v>
      </c>
      <c r="D120" s="425">
        <v>0</v>
      </c>
      <c r="E120" s="425">
        <v>0</v>
      </c>
      <c r="F120" s="425">
        <v>0</v>
      </c>
      <c r="G120" s="425">
        <v>500000</v>
      </c>
      <c r="H120" s="425">
        <v>0</v>
      </c>
      <c r="I120" s="425">
        <v>0</v>
      </c>
      <c r="J120" s="425">
        <v>0</v>
      </c>
      <c r="K120" s="425">
        <v>500000</v>
      </c>
      <c r="L120" s="424">
        <v>0</v>
      </c>
    </row>
    <row r="121" spans="1:12" ht="10.5" x14ac:dyDescent="0.2">
      <c r="A121" s="446"/>
      <c r="B121" s="425"/>
      <c r="C121" s="423"/>
      <c r="D121" s="423"/>
      <c r="E121" s="423"/>
      <c r="F121" s="423"/>
      <c r="G121" s="423"/>
      <c r="H121" s="423"/>
      <c r="I121" s="423"/>
      <c r="J121" s="423"/>
      <c r="K121" s="423"/>
      <c r="L121" s="424"/>
    </row>
    <row r="122" spans="1:12" s="66" customFormat="1" ht="10.5" x14ac:dyDescent="0.2">
      <c r="A122" s="142" t="s">
        <v>699</v>
      </c>
      <c r="B122" s="423">
        <v>67656700</v>
      </c>
      <c r="C122" s="423">
        <v>66144200</v>
      </c>
      <c r="D122" s="423">
        <v>2376496.7800000003</v>
      </c>
      <c r="E122" s="423">
        <v>7658484.1300000008</v>
      </c>
      <c r="F122" s="423">
        <v>6.7718202968714933E-2</v>
      </c>
      <c r="G122" s="423">
        <v>58485715.869999997</v>
      </c>
      <c r="H122" s="423">
        <v>3046809.3499999996</v>
      </c>
      <c r="I122" s="423">
        <v>6414240.2199999997</v>
      </c>
      <c r="J122" s="423">
        <v>8.2496982829815782E-2</v>
      </c>
      <c r="K122" s="423">
        <v>59729959.780000001</v>
      </c>
      <c r="L122" s="424">
        <v>0</v>
      </c>
    </row>
    <row r="123" spans="1:12" ht="10.5" x14ac:dyDescent="0.2">
      <c r="A123" s="446" t="s">
        <v>700</v>
      </c>
      <c r="B123" s="425">
        <v>56637000</v>
      </c>
      <c r="C123" s="425">
        <v>55173000</v>
      </c>
      <c r="D123" s="425">
        <v>1233949.6200000003</v>
      </c>
      <c r="E123" s="425">
        <v>6029269.6700000009</v>
      </c>
      <c r="F123" s="425">
        <v>5.3312287436466481E-2</v>
      </c>
      <c r="G123" s="425">
        <v>49143730.329999998</v>
      </c>
      <c r="H123" s="425">
        <v>2359004.94</v>
      </c>
      <c r="I123" s="425">
        <v>5377937.1400000006</v>
      </c>
      <c r="J123" s="425">
        <v>6.9168533244987923E-2</v>
      </c>
      <c r="K123" s="425">
        <v>49795062.859999999</v>
      </c>
      <c r="L123" s="424">
        <v>0</v>
      </c>
    </row>
    <row r="124" spans="1:12" ht="10.5" x14ac:dyDescent="0.2">
      <c r="A124" s="446" t="s">
        <v>702</v>
      </c>
      <c r="B124" s="425">
        <v>7344700</v>
      </c>
      <c r="C124" s="425">
        <v>7344700</v>
      </c>
      <c r="D124" s="425">
        <v>11129.999999999993</v>
      </c>
      <c r="E124" s="425">
        <v>126580</v>
      </c>
      <c r="F124" s="425">
        <v>1.1192515367633119E-3</v>
      </c>
      <c r="G124" s="425">
        <v>7218120</v>
      </c>
      <c r="H124" s="425">
        <v>48058.400000000001</v>
      </c>
      <c r="I124" s="425">
        <v>61575.27</v>
      </c>
      <c r="J124" s="425">
        <v>7.9195256455974635E-4</v>
      </c>
      <c r="K124" s="425">
        <v>7283124.7300000004</v>
      </c>
      <c r="L124" s="424">
        <v>0</v>
      </c>
    </row>
    <row r="125" spans="1:12" s="268" customFormat="1" ht="10.5" x14ac:dyDescent="0.2">
      <c r="A125" s="446" t="s">
        <v>681</v>
      </c>
      <c r="B125" s="425">
        <v>3500000</v>
      </c>
      <c r="C125" s="425">
        <v>3451500</v>
      </c>
      <c r="D125" s="425">
        <v>1131417.1599999999</v>
      </c>
      <c r="E125" s="425">
        <v>1502634.4600000002</v>
      </c>
      <c r="F125" s="425">
        <v>1.3286663995485145E-2</v>
      </c>
      <c r="G125" s="425">
        <v>1948865.5399999998</v>
      </c>
      <c r="H125" s="425">
        <v>639746.01</v>
      </c>
      <c r="I125" s="425">
        <v>974727.80999999994</v>
      </c>
      <c r="J125" s="425">
        <v>1.2536497020268121E-2</v>
      </c>
      <c r="K125" s="425">
        <v>2476772.19</v>
      </c>
      <c r="L125" s="424">
        <v>0</v>
      </c>
    </row>
    <row r="126" spans="1:12" s="268" customFormat="1" ht="10.5" x14ac:dyDescent="0.2">
      <c r="A126" s="446" t="s">
        <v>651</v>
      </c>
      <c r="B126" s="425">
        <v>175000</v>
      </c>
      <c r="C126" s="425">
        <v>175000</v>
      </c>
      <c r="D126" s="425">
        <v>0</v>
      </c>
      <c r="E126" s="425">
        <v>0</v>
      </c>
      <c r="F126" s="425">
        <v>0</v>
      </c>
      <c r="G126" s="425">
        <v>175000</v>
      </c>
      <c r="H126" s="425">
        <v>0</v>
      </c>
      <c r="I126" s="425">
        <v>0</v>
      </c>
      <c r="J126" s="425">
        <v>0</v>
      </c>
      <c r="K126" s="425">
        <v>175000</v>
      </c>
      <c r="L126" s="424">
        <v>0</v>
      </c>
    </row>
    <row r="127" spans="1:12" ht="10.5" x14ac:dyDescent="0.2">
      <c r="A127" s="446"/>
      <c r="B127" s="425"/>
      <c r="C127" s="423"/>
      <c r="D127" s="423"/>
      <c r="E127" s="423"/>
      <c r="F127" s="423"/>
      <c r="G127" s="425"/>
      <c r="H127" s="423"/>
      <c r="I127" s="423"/>
      <c r="J127" s="425"/>
      <c r="K127" s="425"/>
      <c r="L127" s="424"/>
    </row>
    <row r="128" spans="1:12" s="66" customFormat="1" ht="10.5" x14ac:dyDescent="0.2">
      <c r="A128" s="142" t="s">
        <v>703</v>
      </c>
      <c r="B128" s="423">
        <v>204260800</v>
      </c>
      <c r="C128" s="423">
        <v>224963378.84</v>
      </c>
      <c r="D128" s="423">
        <v>6161980.5599999782</v>
      </c>
      <c r="E128" s="423">
        <v>129281424.54999986</v>
      </c>
      <c r="F128" s="423">
        <v>1.1431381979976101</v>
      </c>
      <c r="G128" s="423">
        <v>95681954.290000141</v>
      </c>
      <c r="H128" s="423">
        <v>24491141.080000006</v>
      </c>
      <c r="I128" s="423">
        <v>88631587.060000092</v>
      </c>
      <c r="J128" s="423">
        <v>1.1399383660545457</v>
      </c>
      <c r="K128" s="423">
        <v>136331791.77999991</v>
      </c>
      <c r="L128" s="424">
        <v>0</v>
      </c>
    </row>
    <row r="129" spans="1:12" ht="10.5" x14ac:dyDescent="0.2">
      <c r="A129" s="446" t="s">
        <v>648</v>
      </c>
      <c r="B129" s="425">
        <v>91093300</v>
      </c>
      <c r="C129" s="425">
        <v>111073918.84</v>
      </c>
      <c r="D129" s="425">
        <v>1906114.8499999773</v>
      </c>
      <c r="E129" s="425">
        <v>102598886.66999985</v>
      </c>
      <c r="F129" s="425">
        <v>0.90720462613052777</v>
      </c>
      <c r="G129" s="425">
        <v>8475032.1700001508</v>
      </c>
      <c r="H129" s="425">
        <v>18481549.320000004</v>
      </c>
      <c r="I129" s="425">
        <v>67882404.920000091</v>
      </c>
      <c r="J129" s="425">
        <v>0.87307200869565349</v>
      </c>
      <c r="K129" s="425">
        <v>43191513.919999912</v>
      </c>
      <c r="L129" s="424">
        <v>0</v>
      </c>
    </row>
    <row r="130" spans="1:12" ht="10.5" x14ac:dyDescent="0.2">
      <c r="A130" s="446" t="s">
        <v>651</v>
      </c>
      <c r="B130" s="425">
        <v>0</v>
      </c>
      <c r="C130" s="425">
        <v>0</v>
      </c>
      <c r="D130" s="425">
        <v>0</v>
      </c>
      <c r="E130" s="425">
        <v>0</v>
      </c>
      <c r="F130" s="425">
        <v>0</v>
      </c>
      <c r="G130" s="425">
        <v>0</v>
      </c>
      <c r="H130" s="425">
        <v>0</v>
      </c>
      <c r="I130" s="425">
        <v>0</v>
      </c>
      <c r="J130" s="425">
        <v>0</v>
      </c>
      <c r="K130" s="425">
        <v>0</v>
      </c>
      <c r="L130" s="424">
        <v>0</v>
      </c>
    </row>
    <row r="131" spans="1:12" ht="10.5" x14ac:dyDescent="0.2">
      <c r="A131" s="446" t="s">
        <v>695</v>
      </c>
      <c r="B131" s="425">
        <v>1699800</v>
      </c>
      <c r="C131" s="425">
        <v>1044800</v>
      </c>
      <c r="D131" s="425">
        <v>0</v>
      </c>
      <c r="E131" s="425">
        <v>0</v>
      </c>
      <c r="F131" s="425">
        <v>0</v>
      </c>
      <c r="G131" s="425">
        <v>1044800</v>
      </c>
      <c r="H131" s="425">
        <v>0</v>
      </c>
      <c r="I131" s="425">
        <v>0</v>
      </c>
      <c r="J131" s="425">
        <v>0</v>
      </c>
      <c r="K131" s="425">
        <v>1044800</v>
      </c>
      <c r="L131" s="424">
        <v>0</v>
      </c>
    </row>
    <row r="132" spans="1:12" ht="10.5" x14ac:dyDescent="0.2">
      <c r="A132" s="446" t="s">
        <v>696</v>
      </c>
      <c r="B132" s="425">
        <v>0</v>
      </c>
      <c r="C132" s="425">
        <v>0</v>
      </c>
      <c r="D132" s="425">
        <v>0</v>
      </c>
      <c r="E132" s="425">
        <v>0</v>
      </c>
      <c r="F132" s="425">
        <v>0</v>
      </c>
      <c r="G132" s="425">
        <v>0</v>
      </c>
      <c r="H132" s="425">
        <v>0</v>
      </c>
      <c r="I132" s="425">
        <v>0</v>
      </c>
      <c r="J132" s="425">
        <v>0</v>
      </c>
      <c r="K132" s="425">
        <v>0</v>
      </c>
      <c r="L132" s="424">
        <v>0</v>
      </c>
    </row>
    <row r="133" spans="1:12" ht="10.5" x14ac:dyDescent="0.2">
      <c r="A133" s="446" t="s">
        <v>701</v>
      </c>
      <c r="B133" s="425">
        <v>0</v>
      </c>
      <c r="C133" s="425">
        <v>0</v>
      </c>
      <c r="D133" s="425">
        <v>0</v>
      </c>
      <c r="E133" s="425">
        <v>0</v>
      </c>
      <c r="F133" s="425">
        <v>0</v>
      </c>
      <c r="G133" s="425">
        <v>0</v>
      </c>
      <c r="H133" s="425">
        <v>0</v>
      </c>
      <c r="I133" s="425">
        <v>0</v>
      </c>
      <c r="J133" s="425">
        <v>0</v>
      </c>
      <c r="K133" s="425">
        <v>0</v>
      </c>
      <c r="L133" s="424">
        <v>0</v>
      </c>
    </row>
    <row r="134" spans="1:12" ht="10.5" x14ac:dyDescent="0.2">
      <c r="A134" s="446" t="s">
        <v>702</v>
      </c>
      <c r="B134" s="425">
        <v>4970000</v>
      </c>
      <c r="C134" s="425">
        <v>4970000</v>
      </c>
      <c r="D134" s="425">
        <v>4285.93</v>
      </c>
      <c r="E134" s="425">
        <v>746194.14999999979</v>
      </c>
      <c r="F134" s="425">
        <v>6.5980324625635406E-3</v>
      </c>
      <c r="G134" s="425">
        <v>4223805.8500000006</v>
      </c>
      <c r="H134" s="425">
        <v>5123.3100000000004</v>
      </c>
      <c r="I134" s="425">
        <v>406500.48000000016</v>
      </c>
      <c r="J134" s="425">
        <v>5.2282206416759194E-3</v>
      </c>
      <c r="K134" s="425">
        <v>4563499.5199999996</v>
      </c>
      <c r="L134" s="424">
        <v>0</v>
      </c>
    </row>
    <row r="135" spans="1:12" ht="10.5" x14ac:dyDescent="0.2">
      <c r="A135" s="446" t="s">
        <v>704</v>
      </c>
      <c r="B135" s="425">
        <v>58594500</v>
      </c>
      <c r="C135" s="425">
        <v>58479376</v>
      </c>
      <c r="D135" s="425">
        <v>340473.61</v>
      </c>
      <c r="E135" s="425">
        <v>2679018.0999999996</v>
      </c>
      <c r="F135" s="425">
        <v>2.3688537884671571E-2</v>
      </c>
      <c r="G135" s="425">
        <v>55800357.899999999</v>
      </c>
      <c r="H135" s="425">
        <v>389760.25</v>
      </c>
      <c r="I135" s="425">
        <v>1744636.2399999993</v>
      </c>
      <c r="J135" s="425">
        <v>2.2438702168774454E-2</v>
      </c>
      <c r="K135" s="425">
        <v>56734739.759999998</v>
      </c>
      <c r="L135" s="424">
        <v>0</v>
      </c>
    </row>
    <row r="136" spans="1:12" ht="10.5" x14ac:dyDescent="0.2">
      <c r="A136" s="446" t="s">
        <v>705</v>
      </c>
      <c r="B136" s="425">
        <v>0</v>
      </c>
      <c r="C136" s="425">
        <v>0</v>
      </c>
      <c r="D136" s="425">
        <v>0</v>
      </c>
      <c r="E136" s="425">
        <v>0</v>
      </c>
      <c r="F136" s="425">
        <v>0</v>
      </c>
      <c r="G136" s="425">
        <v>0</v>
      </c>
      <c r="H136" s="425">
        <v>0</v>
      </c>
      <c r="I136" s="425">
        <v>0</v>
      </c>
      <c r="J136" s="425">
        <v>0</v>
      </c>
      <c r="K136" s="425">
        <v>0</v>
      </c>
      <c r="L136" s="424">
        <v>0</v>
      </c>
    </row>
    <row r="137" spans="1:12" ht="10.5" x14ac:dyDescent="0.2">
      <c r="A137" s="446" t="s">
        <v>750</v>
      </c>
      <c r="B137" s="425">
        <v>4435000</v>
      </c>
      <c r="C137" s="425">
        <v>7435000</v>
      </c>
      <c r="D137" s="425">
        <v>1497152.4</v>
      </c>
      <c r="E137" s="425">
        <v>5195578.9800000004</v>
      </c>
      <c r="F137" s="425">
        <v>4.5940589016749571E-2</v>
      </c>
      <c r="G137" s="425">
        <v>2239421.0199999996</v>
      </c>
      <c r="H137" s="425">
        <v>1818453.92</v>
      </c>
      <c r="I137" s="425">
        <v>4594308.92</v>
      </c>
      <c r="J137" s="425">
        <v>5.9089870520644378E-2</v>
      </c>
      <c r="K137" s="425">
        <v>2840691.08</v>
      </c>
      <c r="L137" s="424">
        <v>0</v>
      </c>
    </row>
    <row r="138" spans="1:12" ht="10.5" x14ac:dyDescent="0.2">
      <c r="A138" s="22" t="s">
        <v>751</v>
      </c>
      <c r="B138" s="425">
        <v>36593200</v>
      </c>
      <c r="C138" s="425">
        <v>36410324</v>
      </c>
      <c r="D138" s="425">
        <v>2413953.7700000005</v>
      </c>
      <c r="E138" s="425">
        <v>17579790.090000004</v>
      </c>
      <c r="F138" s="425">
        <v>0.15544483389326075</v>
      </c>
      <c r="G138" s="425">
        <v>18830533.909999996</v>
      </c>
      <c r="H138" s="425">
        <v>3796254.2800000007</v>
      </c>
      <c r="I138" s="425">
        <v>13521780.060000004</v>
      </c>
      <c r="J138" s="425">
        <v>0.17391086382454909</v>
      </c>
      <c r="K138" s="425">
        <v>22888543.939999998</v>
      </c>
      <c r="L138" s="424">
        <v>0</v>
      </c>
    </row>
    <row r="139" spans="1:12" s="268" customFormat="1" ht="10.5" x14ac:dyDescent="0.2">
      <c r="A139" s="446" t="s">
        <v>865</v>
      </c>
      <c r="B139" s="425">
        <v>1201200</v>
      </c>
      <c r="C139" s="425">
        <v>1169200</v>
      </c>
      <c r="D139" s="425">
        <v>0</v>
      </c>
      <c r="E139" s="425">
        <v>0</v>
      </c>
      <c r="F139" s="425">
        <v>0</v>
      </c>
      <c r="G139" s="425">
        <v>1169200</v>
      </c>
      <c r="H139" s="425">
        <v>0</v>
      </c>
      <c r="I139" s="425">
        <v>0</v>
      </c>
      <c r="J139" s="425">
        <v>0</v>
      </c>
      <c r="K139" s="425">
        <v>1169200</v>
      </c>
      <c r="L139" s="424">
        <v>0</v>
      </c>
    </row>
    <row r="140" spans="1:12" s="268" customFormat="1" ht="10.5" x14ac:dyDescent="0.2">
      <c r="A140" s="446" t="s">
        <v>866</v>
      </c>
      <c r="B140" s="425">
        <v>2373800</v>
      </c>
      <c r="C140" s="425">
        <v>1080760</v>
      </c>
      <c r="D140" s="425">
        <v>0</v>
      </c>
      <c r="E140" s="425">
        <v>481956.56000000006</v>
      </c>
      <c r="F140" s="425">
        <v>4.2615786098369355E-3</v>
      </c>
      <c r="G140" s="425">
        <v>598803.43999999994</v>
      </c>
      <c r="H140" s="425">
        <v>0</v>
      </c>
      <c r="I140" s="425">
        <v>481956.44</v>
      </c>
      <c r="J140" s="425">
        <v>6.1987002032485687E-3</v>
      </c>
      <c r="K140" s="425">
        <v>598803.56000000006</v>
      </c>
      <c r="L140" s="424">
        <v>0</v>
      </c>
    </row>
    <row r="141" spans="1:12" s="268" customFormat="1" ht="10.5" x14ac:dyDescent="0.2">
      <c r="A141" s="22" t="s">
        <v>867</v>
      </c>
      <c r="B141" s="425">
        <v>3300000</v>
      </c>
      <c r="C141" s="425">
        <v>3300000</v>
      </c>
      <c r="D141" s="425">
        <v>0</v>
      </c>
      <c r="E141" s="425">
        <v>0</v>
      </c>
      <c r="F141" s="425">
        <v>0</v>
      </c>
      <c r="G141" s="425">
        <v>3300000</v>
      </c>
      <c r="H141" s="425">
        <v>0</v>
      </c>
      <c r="I141" s="425">
        <v>0</v>
      </c>
      <c r="J141" s="425">
        <v>0</v>
      </c>
      <c r="K141" s="425">
        <v>3300000</v>
      </c>
      <c r="L141" s="424">
        <v>0</v>
      </c>
    </row>
    <row r="142" spans="1:12" ht="10.5" x14ac:dyDescent="0.2">
      <c r="A142" s="446"/>
      <c r="B142" s="425"/>
      <c r="C142" s="425"/>
      <c r="D142" s="425"/>
      <c r="E142" s="425"/>
      <c r="F142" s="425"/>
      <c r="G142" s="425"/>
      <c r="H142" s="425"/>
      <c r="I142" s="425"/>
      <c r="J142" s="423"/>
      <c r="K142" s="423"/>
      <c r="L142" s="424"/>
    </row>
    <row r="143" spans="1:12" s="66" customFormat="1" ht="10.5" x14ac:dyDescent="0.2">
      <c r="A143" s="142" t="s">
        <v>706</v>
      </c>
      <c r="B143" s="423">
        <v>4487700</v>
      </c>
      <c r="C143" s="423">
        <v>4716000</v>
      </c>
      <c r="D143" s="423">
        <v>261341.37999999995</v>
      </c>
      <c r="E143" s="423">
        <v>1172038.9399999997</v>
      </c>
      <c r="F143" s="423">
        <v>1.0363456981683068E-2</v>
      </c>
      <c r="G143" s="423">
        <v>3543961.0600000005</v>
      </c>
      <c r="H143" s="423">
        <v>189172</v>
      </c>
      <c r="I143" s="423">
        <v>828320.83000000031</v>
      </c>
      <c r="J143" s="423">
        <v>1.0653478346043108E-2</v>
      </c>
      <c r="K143" s="423">
        <v>3887679.17</v>
      </c>
      <c r="L143" s="424">
        <v>0</v>
      </c>
    </row>
    <row r="144" spans="1:12" ht="10.5" x14ac:dyDescent="0.2">
      <c r="A144" s="446" t="s">
        <v>707</v>
      </c>
      <c r="B144" s="425">
        <v>4487700</v>
      </c>
      <c r="C144" s="425">
        <v>4716000</v>
      </c>
      <c r="D144" s="425">
        <v>261341.37999999995</v>
      </c>
      <c r="E144" s="425">
        <v>1172038.9399999997</v>
      </c>
      <c r="F144" s="425">
        <v>1.0363456981683068E-2</v>
      </c>
      <c r="G144" s="425">
        <v>3543961.0600000005</v>
      </c>
      <c r="H144" s="425">
        <v>189172</v>
      </c>
      <c r="I144" s="425">
        <v>828320.83000000031</v>
      </c>
      <c r="J144" s="425">
        <v>1.0653478346043108E-2</v>
      </c>
      <c r="K144" s="425">
        <v>3887679.17</v>
      </c>
      <c r="L144" s="424">
        <v>0</v>
      </c>
    </row>
    <row r="145" spans="1:12" ht="10.5" x14ac:dyDescent="0.2">
      <c r="A145" s="446"/>
      <c r="B145" s="425"/>
      <c r="C145" s="423"/>
      <c r="D145" s="423"/>
      <c r="E145" s="423"/>
      <c r="F145" s="423"/>
      <c r="G145" s="423"/>
      <c r="H145" s="423"/>
      <c r="I145" s="423"/>
      <c r="J145" s="423"/>
      <c r="K145" s="423"/>
      <c r="L145" s="424"/>
    </row>
    <row r="146" spans="1:12" s="66" customFormat="1" ht="10.5" x14ac:dyDescent="0.2">
      <c r="A146" s="142" t="s">
        <v>708</v>
      </c>
      <c r="B146" s="423">
        <v>19423800</v>
      </c>
      <c r="C146" s="423">
        <v>18923154</v>
      </c>
      <c r="D146" s="423">
        <v>5750</v>
      </c>
      <c r="E146" s="423">
        <v>5040060.2699999996</v>
      </c>
      <c r="F146" s="423">
        <v>4.4565454278536989E-2</v>
      </c>
      <c r="G146" s="423">
        <v>13883093.73</v>
      </c>
      <c r="H146" s="423">
        <v>700000</v>
      </c>
      <c r="I146" s="423">
        <v>3337911.44</v>
      </c>
      <c r="J146" s="423">
        <v>4.2930668841262336E-2</v>
      </c>
      <c r="K146" s="423">
        <v>15585242.560000001</v>
      </c>
      <c r="L146" s="424">
        <v>0</v>
      </c>
    </row>
    <row r="147" spans="1:12" ht="10.5" x14ac:dyDescent="0.2">
      <c r="A147" s="446" t="s">
        <v>709</v>
      </c>
      <c r="B147" s="425">
        <v>19423800</v>
      </c>
      <c r="C147" s="425">
        <v>18923154</v>
      </c>
      <c r="D147" s="425">
        <v>5750</v>
      </c>
      <c r="E147" s="425">
        <v>5040060.2699999996</v>
      </c>
      <c r="F147" s="425">
        <v>4.4565454278536989E-2</v>
      </c>
      <c r="G147" s="425">
        <v>13883093.73</v>
      </c>
      <c r="H147" s="425">
        <v>700000</v>
      </c>
      <c r="I147" s="425">
        <v>3337911.44</v>
      </c>
      <c r="J147" s="425">
        <v>4.2930668841262336E-2</v>
      </c>
      <c r="K147" s="425">
        <v>15585242.560000001</v>
      </c>
      <c r="L147" s="426">
        <v>0</v>
      </c>
    </row>
    <row r="148" spans="1:12" ht="10.5" x14ac:dyDescent="0.2">
      <c r="A148" s="446"/>
      <c r="B148" s="425"/>
      <c r="C148" s="423"/>
      <c r="D148" s="423"/>
      <c r="E148" s="423"/>
      <c r="F148" s="423"/>
      <c r="G148" s="423"/>
      <c r="H148" s="423"/>
      <c r="I148" s="423"/>
      <c r="J148" s="425"/>
      <c r="K148" s="425"/>
      <c r="L148" s="424"/>
    </row>
    <row r="149" spans="1:12" s="66" customFormat="1" ht="10.5" x14ac:dyDescent="0.2">
      <c r="A149" s="142" t="s">
        <v>711</v>
      </c>
      <c r="B149" s="423">
        <v>49228700</v>
      </c>
      <c r="C149" s="423">
        <v>48898188.859999999</v>
      </c>
      <c r="D149" s="423">
        <v>1604988.6199999992</v>
      </c>
      <c r="E149" s="423">
        <v>21393318.319999997</v>
      </c>
      <c r="F149" s="423">
        <v>0.189164989778217</v>
      </c>
      <c r="G149" s="423">
        <v>27504870.540000003</v>
      </c>
      <c r="H149" s="423">
        <v>3612090.3499999996</v>
      </c>
      <c r="I149" s="423">
        <v>14205428.099999998</v>
      </c>
      <c r="J149" s="423">
        <v>0.18270362784384186</v>
      </c>
      <c r="K149" s="423">
        <v>34692760.759999998</v>
      </c>
      <c r="L149" s="424">
        <v>0</v>
      </c>
    </row>
    <row r="150" spans="1:12" ht="10.5" x14ac:dyDescent="0.2">
      <c r="A150" s="446" t="s">
        <v>847</v>
      </c>
      <c r="B150" s="425">
        <v>0</v>
      </c>
      <c r="C150" s="425">
        <v>0</v>
      </c>
      <c r="D150" s="425">
        <v>0</v>
      </c>
      <c r="E150" s="425">
        <v>0</v>
      </c>
      <c r="F150" s="425">
        <v>0</v>
      </c>
      <c r="G150" s="425">
        <v>0</v>
      </c>
      <c r="H150" s="425">
        <v>0</v>
      </c>
      <c r="I150" s="425">
        <v>0</v>
      </c>
      <c r="J150" s="425">
        <v>0</v>
      </c>
      <c r="K150" s="425">
        <v>0</v>
      </c>
      <c r="L150" s="424">
        <v>0</v>
      </c>
    </row>
    <row r="151" spans="1:12" ht="10.5" x14ac:dyDescent="0.2">
      <c r="A151" s="221" t="s">
        <v>752</v>
      </c>
      <c r="B151" s="425">
        <v>16104000</v>
      </c>
      <c r="C151" s="425">
        <v>15937800</v>
      </c>
      <c r="D151" s="425">
        <v>539404.13999999966</v>
      </c>
      <c r="E151" s="425">
        <v>9670678.0699999984</v>
      </c>
      <c r="F151" s="425">
        <v>8.5510517391300014E-2</v>
      </c>
      <c r="G151" s="425">
        <v>6267121.9300000016</v>
      </c>
      <c r="H151" s="425">
        <v>1603108.6099999994</v>
      </c>
      <c r="I151" s="425">
        <v>6015191.0699999984</v>
      </c>
      <c r="J151" s="425">
        <v>7.7364597738725019E-2</v>
      </c>
      <c r="K151" s="425">
        <v>9922608.9300000016</v>
      </c>
      <c r="L151" s="424">
        <v>0</v>
      </c>
    </row>
    <row r="152" spans="1:12" ht="10.5" x14ac:dyDescent="0.2">
      <c r="A152" s="446" t="s">
        <v>712</v>
      </c>
      <c r="B152" s="425">
        <v>20999500</v>
      </c>
      <c r="C152" s="425">
        <v>20439307.859999999</v>
      </c>
      <c r="D152" s="425">
        <v>324065.89999999973</v>
      </c>
      <c r="E152" s="425">
        <v>8309489.7899999972</v>
      </c>
      <c r="F152" s="425">
        <v>7.3474555357691151E-2</v>
      </c>
      <c r="G152" s="425">
        <v>12129818.070000002</v>
      </c>
      <c r="H152" s="425">
        <v>1520221.2100000004</v>
      </c>
      <c r="I152" s="425">
        <v>5775725.8900000006</v>
      </c>
      <c r="J152" s="425">
        <v>7.4284707655843385E-2</v>
      </c>
      <c r="K152" s="425">
        <v>14663581.969999999</v>
      </c>
      <c r="L152" s="424">
        <v>0</v>
      </c>
    </row>
    <row r="153" spans="1:12" ht="10.5" x14ac:dyDescent="0.2">
      <c r="A153" s="446" t="s">
        <v>713</v>
      </c>
      <c r="B153" s="425">
        <v>11775200</v>
      </c>
      <c r="C153" s="425">
        <v>12330581</v>
      </c>
      <c r="D153" s="425">
        <v>741518.57999999973</v>
      </c>
      <c r="E153" s="425">
        <v>3406816.48</v>
      </c>
      <c r="F153" s="425">
        <v>3.0123910418001078E-2</v>
      </c>
      <c r="G153" s="425">
        <v>8923764.5199999996</v>
      </c>
      <c r="H153" s="425">
        <v>488760.52999999991</v>
      </c>
      <c r="I153" s="425">
        <v>2408386.709999999</v>
      </c>
      <c r="J153" s="425">
        <v>3.0975552871081346E-2</v>
      </c>
      <c r="K153" s="425">
        <v>9922194.290000001</v>
      </c>
      <c r="L153" s="424">
        <v>0</v>
      </c>
    </row>
    <row r="154" spans="1:12" s="268" customFormat="1" ht="10.5" x14ac:dyDescent="0.2">
      <c r="A154" s="446" t="s">
        <v>709</v>
      </c>
      <c r="B154" s="425">
        <v>350000</v>
      </c>
      <c r="C154" s="425">
        <v>190500</v>
      </c>
      <c r="D154" s="425">
        <v>0</v>
      </c>
      <c r="E154" s="425">
        <v>6333.9800000000005</v>
      </c>
      <c r="F154" s="425">
        <v>5.6006611224743899E-5</v>
      </c>
      <c r="G154" s="425">
        <v>184166.02</v>
      </c>
      <c r="H154" s="425">
        <v>0</v>
      </c>
      <c r="I154" s="425">
        <v>6124.4299999999985</v>
      </c>
      <c r="J154" s="425">
        <v>7.8769578192132089E-5</v>
      </c>
      <c r="K154" s="425">
        <v>184375.57</v>
      </c>
      <c r="L154" s="424">
        <v>0</v>
      </c>
    </row>
    <row r="155" spans="1:12" ht="10.5" x14ac:dyDescent="0.2">
      <c r="A155" s="446"/>
      <c r="B155" s="425"/>
      <c r="C155" s="425"/>
      <c r="D155" s="425"/>
      <c r="E155" s="425"/>
      <c r="F155" s="425"/>
      <c r="G155" s="425"/>
      <c r="H155" s="425"/>
      <c r="I155" s="425"/>
      <c r="J155" s="425"/>
      <c r="K155" s="425"/>
      <c r="L155" s="424"/>
    </row>
    <row r="156" spans="1:12" s="66" customFormat="1" ht="10.5" x14ac:dyDescent="0.2">
      <c r="A156" s="142" t="s">
        <v>714</v>
      </c>
      <c r="B156" s="423">
        <v>3453100</v>
      </c>
      <c r="C156" s="423">
        <v>3453100</v>
      </c>
      <c r="D156" s="423">
        <v>0</v>
      </c>
      <c r="E156" s="423">
        <v>0</v>
      </c>
      <c r="F156" s="423">
        <v>0</v>
      </c>
      <c r="G156" s="423">
        <v>3453100</v>
      </c>
      <c r="H156" s="423">
        <v>0</v>
      </c>
      <c r="I156" s="423">
        <v>0</v>
      </c>
      <c r="J156" s="423">
        <v>0</v>
      </c>
      <c r="K156" s="423">
        <v>3453100</v>
      </c>
      <c r="L156" s="424">
        <v>0</v>
      </c>
    </row>
    <row r="157" spans="1:12" s="268" customFormat="1" ht="10.5" x14ac:dyDescent="0.2">
      <c r="A157" s="446" t="s">
        <v>654</v>
      </c>
      <c r="B157" s="425">
        <v>0</v>
      </c>
      <c r="C157" s="425">
        <v>0</v>
      </c>
      <c r="D157" s="425">
        <v>0</v>
      </c>
      <c r="E157" s="425">
        <v>0</v>
      </c>
      <c r="F157" s="425">
        <v>0</v>
      </c>
      <c r="G157" s="425">
        <v>0</v>
      </c>
      <c r="H157" s="425">
        <v>0</v>
      </c>
      <c r="I157" s="425">
        <v>0</v>
      </c>
      <c r="J157" s="425">
        <v>0</v>
      </c>
      <c r="K157" s="425">
        <v>0</v>
      </c>
      <c r="L157" s="426">
        <v>0</v>
      </c>
    </row>
    <row r="158" spans="1:12" s="268" customFormat="1" ht="10.5" x14ac:dyDescent="0.2">
      <c r="A158" s="446" t="s">
        <v>752</v>
      </c>
      <c r="B158" s="425">
        <v>3453100</v>
      </c>
      <c r="C158" s="425">
        <v>3453100</v>
      </c>
      <c r="D158" s="425">
        <v>0</v>
      </c>
      <c r="E158" s="425">
        <v>0</v>
      </c>
      <c r="F158" s="425">
        <v>0</v>
      </c>
      <c r="G158" s="425">
        <v>3453100</v>
      </c>
      <c r="H158" s="425">
        <v>0</v>
      </c>
      <c r="I158" s="425">
        <v>0</v>
      </c>
      <c r="J158" s="425">
        <v>0</v>
      </c>
      <c r="K158" s="425">
        <v>3453100</v>
      </c>
      <c r="L158" s="426">
        <v>0</v>
      </c>
    </row>
    <row r="159" spans="1:12" s="268" customFormat="1" ht="10.5" x14ac:dyDescent="0.2">
      <c r="A159" s="446"/>
      <c r="B159" s="425"/>
      <c r="C159" s="425"/>
      <c r="D159" s="425"/>
      <c r="E159" s="425"/>
      <c r="F159" s="425"/>
      <c r="G159" s="425"/>
      <c r="H159" s="425"/>
      <c r="I159" s="425"/>
      <c r="J159" s="425"/>
      <c r="K159" s="425"/>
      <c r="L159" s="426"/>
    </row>
    <row r="160" spans="1:12" s="66" customFormat="1" ht="10.5" x14ac:dyDescent="0.2">
      <c r="A160" s="142" t="s">
        <v>715</v>
      </c>
      <c r="B160" s="423">
        <v>12255900</v>
      </c>
      <c r="C160" s="423">
        <v>12255900</v>
      </c>
      <c r="D160" s="423">
        <v>254003.84000000003</v>
      </c>
      <c r="E160" s="423">
        <v>453831.92</v>
      </c>
      <c r="F160" s="423">
        <v>4.0128936158338162E-3</v>
      </c>
      <c r="G160" s="423">
        <v>11802068.08</v>
      </c>
      <c r="H160" s="423">
        <v>6468.73</v>
      </c>
      <c r="I160" s="423">
        <v>56305.759999999995</v>
      </c>
      <c r="J160" s="423">
        <v>7.2417857090168792E-4</v>
      </c>
      <c r="K160" s="423">
        <v>12199594.24</v>
      </c>
      <c r="L160" s="424">
        <v>0</v>
      </c>
    </row>
    <row r="161" spans="1:12" ht="10.5" x14ac:dyDescent="0.2">
      <c r="A161" s="446" t="s">
        <v>701</v>
      </c>
      <c r="B161" s="425">
        <v>0</v>
      </c>
      <c r="C161" s="425">
        <v>0</v>
      </c>
      <c r="D161" s="425">
        <v>0</v>
      </c>
      <c r="E161" s="425">
        <v>0</v>
      </c>
      <c r="F161" s="425">
        <v>0</v>
      </c>
      <c r="G161" s="425">
        <v>0</v>
      </c>
      <c r="H161" s="425">
        <v>0</v>
      </c>
      <c r="I161" s="425">
        <v>0</v>
      </c>
      <c r="J161" s="425">
        <v>0</v>
      </c>
      <c r="K161" s="425">
        <v>0</v>
      </c>
      <c r="L161" s="424">
        <v>0</v>
      </c>
    </row>
    <row r="162" spans="1:12" s="268" customFormat="1" ht="10.5" x14ac:dyDescent="0.2">
      <c r="A162" s="446" t="s">
        <v>869</v>
      </c>
      <c r="B162" s="425">
        <v>7979000</v>
      </c>
      <c r="C162" s="425">
        <v>7979000</v>
      </c>
      <c r="D162" s="425">
        <v>0</v>
      </c>
      <c r="E162" s="425">
        <v>0</v>
      </c>
      <c r="F162" s="425">
        <v>0</v>
      </c>
      <c r="G162" s="425">
        <v>7979000</v>
      </c>
      <c r="H162" s="425">
        <v>0</v>
      </c>
      <c r="I162" s="425">
        <v>0</v>
      </c>
      <c r="J162" s="425">
        <v>0</v>
      </c>
      <c r="K162" s="425">
        <v>7979000</v>
      </c>
      <c r="L162" s="424">
        <v>0</v>
      </c>
    </row>
    <row r="163" spans="1:12" ht="10.5" x14ac:dyDescent="0.2">
      <c r="A163" s="446" t="s">
        <v>716</v>
      </c>
      <c r="B163" s="425">
        <v>4276900</v>
      </c>
      <c r="C163" s="425">
        <v>4276900</v>
      </c>
      <c r="D163" s="425">
        <v>254003.84000000003</v>
      </c>
      <c r="E163" s="425">
        <v>453831.92</v>
      </c>
      <c r="F163" s="425">
        <v>4.0128936158338162E-3</v>
      </c>
      <c r="G163" s="425">
        <v>3823068.08</v>
      </c>
      <c r="H163" s="425">
        <v>6468.73</v>
      </c>
      <c r="I163" s="425">
        <v>56305.759999999995</v>
      </c>
      <c r="J163" s="425">
        <v>7.2417857090168792E-4</v>
      </c>
      <c r="K163" s="425">
        <v>4220594.24</v>
      </c>
      <c r="L163" s="424">
        <v>0</v>
      </c>
    </row>
    <row r="164" spans="1:12" ht="10.5" x14ac:dyDescent="0.2">
      <c r="A164" s="446"/>
      <c r="B164" s="425"/>
      <c r="C164" s="425"/>
      <c r="D164" s="425"/>
      <c r="E164" s="425"/>
      <c r="F164" s="425"/>
      <c r="G164" s="425"/>
      <c r="H164" s="425"/>
      <c r="I164" s="425"/>
      <c r="J164" s="423"/>
      <c r="K164" s="423"/>
      <c r="L164" s="424"/>
    </row>
    <row r="165" spans="1:12" s="66" customFormat="1" ht="10.5" x14ac:dyDescent="0.2">
      <c r="A165" s="142" t="s">
        <v>717</v>
      </c>
      <c r="B165" s="423">
        <v>657547300</v>
      </c>
      <c r="C165" s="423">
        <v>927154930</v>
      </c>
      <c r="D165" s="423">
        <v>81686186.25000006</v>
      </c>
      <c r="E165" s="423">
        <v>713603281.81999958</v>
      </c>
      <c r="F165" s="423">
        <v>6.3098559789570015</v>
      </c>
      <c r="G165" s="423">
        <v>213551648.18000042</v>
      </c>
      <c r="H165" s="423">
        <v>131384272.26000001</v>
      </c>
      <c r="I165" s="423">
        <v>379701844.19999993</v>
      </c>
      <c r="J165" s="423">
        <v>4.8835490170364686</v>
      </c>
      <c r="K165" s="423">
        <v>547453085.80000007</v>
      </c>
      <c r="L165" s="424">
        <v>0</v>
      </c>
    </row>
    <row r="166" spans="1:12" ht="10.5" x14ac:dyDescent="0.2">
      <c r="A166" s="22" t="s">
        <v>648</v>
      </c>
      <c r="B166" s="425">
        <v>66737000</v>
      </c>
      <c r="C166" s="425">
        <v>91934688</v>
      </c>
      <c r="D166" s="425">
        <v>444639.03000002354</v>
      </c>
      <c r="E166" s="425">
        <v>67505841.799999967</v>
      </c>
      <c r="F166" s="425">
        <v>0.59690327994273173</v>
      </c>
      <c r="G166" s="425">
        <v>24428846.200000033</v>
      </c>
      <c r="H166" s="425">
        <v>14899320.260000004</v>
      </c>
      <c r="I166" s="425">
        <v>46207625.759999953</v>
      </c>
      <c r="J166" s="425">
        <v>0.59430105175095393</v>
      </c>
      <c r="K166" s="425">
        <v>45727062.240000047</v>
      </c>
      <c r="L166" s="424">
        <v>0</v>
      </c>
    </row>
    <row r="167" spans="1:12" ht="10.5" x14ac:dyDescent="0.2">
      <c r="A167" s="446" t="s">
        <v>718</v>
      </c>
      <c r="B167" s="425">
        <v>3720000</v>
      </c>
      <c r="C167" s="425">
        <v>2220000</v>
      </c>
      <c r="D167" s="425">
        <v>0</v>
      </c>
      <c r="E167" s="425">
        <v>0</v>
      </c>
      <c r="F167" s="425">
        <v>0</v>
      </c>
      <c r="G167" s="425">
        <v>2220000</v>
      </c>
      <c r="H167" s="425">
        <v>0</v>
      </c>
      <c r="I167" s="425">
        <v>0</v>
      </c>
      <c r="J167" s="425">
        <v>0</v>
      </c>
      <c r="K167" s="425">
        <v>2220000</v>
      </c>
      <c r="L167" s="424">
        <v>0</v>
      </c>
    </row>
    <row r="168" spans="1:12" ht="10.5" x14ac:dyDescent="0.2">
      <c r="A168" s="446" t="s">
        <v>719</v>
      </c>
      <c r="B168" s="425">
        <v>581290300</v>
      </c>
      <c r="C168" s="425">
        <v>829977242</v>
      </c>
      <c r="D168" s="425">
        <v>81241547.220000029</v>
      </c>
      <c r="E168" s="425">
        <v>646097440.01999962</v>
      </c>
      <c r="F168" s="425">
        <v>5.7129526990142701</v>
      </c>
      <c r="G168" s="425">
        <v>183879801.98000038</v>
      </c>
      <c r="H168" s="425">
        <v>116484952</v>
      </c>
      <c r="I168" s="425">
        <v>333494218.44</v>
      </c>
      <c r="J168" s="425">
        <v>4.2892479652855151</v>
      </c>
      <c r="K168" s="425">
        <v>496483023.56</v>
      </c>
      <c r="L168" s="424">
        <v>0</v>
      </c>
    </row>
    <row r="169" spans="1:12" ht="10.5" x14ac:dyDescent="0.2">
      <c r="A169" s="446" t="s">
        <v>720</v>
      </c>
      <c r="B169" s="425">
        <v>3300000</v>
      </c>
      <c r="C169" s="425">
        <v>1023000</v>
      </c>
      <c r="D169" s="425">
        <v>0</v>
      </c>
      <c r="E169" s="425">
        <v>0</v>
      </c>
      <c r="F169" s="425">
        <v>0</v>
      </c>
      <c r="G169" s="425">
        <v>1023000</v>
      </c>
      <c r="H169" s="425">
        <v>0</v>
      </c>
      <c r="I169" s="425">
        <v>0</v>
      </c>
      <c r="J169" s="425">
        <v>0</v>
      </c>
      <c r="K169" s="425">
        <v>1023000</v>
      </c>
      <c r="L169" s="424">
        <v>0</v>
      </c>
    </row>
    <row r="170" spans="1:12" ht="10.5" x14ac:dyDescent="0.2">
      <c r="A170" s="446" t="s">
        <v>721</v>
      </c>
      <c r="B170" s="425">
        <v>2500000</v>
      </c>
      <c r="C170" s="425">
        <v>2000000</v>
      </c>
      <c r="D170" s="425">
        <v>0</v>
      </c>
      <c r="E170" s="425">
        <v>0</v>
      </c>
      <c r="F170" s="425">
        <v>0</v>
      </c>
      <c r="G170" s="425">
        <v>2000000</v>
      </c>
      <c r="H170" s="425">
        <v>0</v>
      </c>
      <c r="I170" s="425">
        <v>0</v>
      </c>
      <c r="J170" s="425">
        <v>0</v>
      </c>
      <c r="K170" s="425">
        <v>2000000</v>
      </c>
      <c r="L170" s="424">
        <v>0</v>
      </c>
    </row>
    <row r="171" spans="1:12" s="187" customFormat="1" ht="10.5" x14ac:dyDescent="0.2">
      <c r="A171" s="446"/>
      <c r="B171" s="425"/>
      <c r="C171" s="423"/>
      <c r="D171" s="423"/>
      <c r="E171" s="423"/>
      <c r="F171" s="423"/>
      <c r="G171" s="425"/>
      <c r="H171" s="423"/>
      <c r="I171" s="423"/>
      <c r="J171" s="425"/>
      <c r="K171" s="423"/>
      <c r="L171" s="424"/>
    </row>
    <row r="172" spans="1:12" s="66" customFormat="1" ht="10.5" x14ac:dyDescent="0.2">
      <c r="A172" s="142" t="s">
        <v>722</v>
      </c>
      <c r="B172" s="423">
        <v>27684900</v>
      </c>
      <c r="C172" s="423">
        <v>28578051.870000001</v>
      </c>
      <c r="D172" s="423">
        <v>847756.79999999981</v>
      </c>
      <c r="E172" s="423">
        <v>12587879.939999996</v>
      </c>
      <c r="F172" s="423">
        <v>0.1113051348351798</v>
      </c>
      <c r="G172" s="423">
        <v>15990171.930000005</v>
      </c>
      <c r="H172" s="423">
        <v>1751340.8299999998</v>
      </c>
      <c r="I172" s="423">
        <v>9636944.4400000013</v>
      </c>
      <c r="J172" s="423">
        <v>0.12394590983974231</v>
      </c>
      <c r="K172" s="423">
        <v>18941107.43</v>
      </c>
      <c r="L172" s="424">
        <v>0</v>
      </c>
    </row>
    <row r="173" spans="1:12" ht="10.5" x14ac:dyDescent="0.2">
      <c r="A173" s="446" t="s">
        <v>723</v>
      </c>
      <c r="B173" s="425">
        <v>2500000</v>
      </c>
      <c r="C173" s="425">
        <v>2500000</v>
      </c>
      <c r="D173" s="425">
        <v>739321.75</v>
      </c>
      <c r="E173" s="425">
        <v>1807809.5099999998</v>
      </c>
      <c r="F173" s="425">
        <v>1.5985096952463498E-2</v>
      </c>
      <c r="G173" s="425">
        <v>692190.49000000022</v>
      </c>
      <c r="H173" s="425">
        <v>733452.64999999991</v>
      </c>
      <c r="I173" s="425">
        <v>1488666.4</v>
      </c>
      <c r="J173" s="425">
        <v>1.9146536803718847E-2</v>
      </c>
      <c r="K173" s="425">
        <v>1011333.6000000001</v>
      </c>
      <c r="L173" s="424">
        <v>0</v>
      </c>
    </row>
    <row r="174" spans="1:12" ht="10.5" x14ac:dyDescent="0.2">
      <c r="A174" s="446" t="s">
        <v>724</v>
      </c>
      <c r="B174" s="425">
        <v>25184900</v>
      </c>
      <c r="C174" s="425">
        <v>26078051.870000001</v>
      </c>
      <c r="D174" s="425">
        <v>108435.04999999981</v>
      </c>
      <c r="E174" s="425">
        <v>10780070.429999996</v>
      </c>
      <c r="F174" s="425">
        <v>9.5320037882716313E-2</v>
      </c>
      <c r="G174" s="425">
        <v>15297981.440000005</v>
      </c>
      <c r="H174" s="425">
        <v>1017888.1799999999</v>
      </c>
      <c r="I174" s="425">
        <v>8148278.040000001</v>
      </c>
      <c r="J174" s="425">
        <v>0.10479937303602344</v>
      </c>
      <c r="K174" s="425">
        <v>17929773.829999998</v>
      </c>
      <c r="L174" s="424">
        <v>0</v>
      </c>
    </row>
    <row r="175" spans="1:12" ht="10.5" x14ac:dyDescent="0.2">
      <c r="A175" s="446"/>
      <c r="B175" s="425"/>
      <c r="C175" s="423"/>
      <c r="D175" s="423"/>
      <c r="E175" s="423"/>
      <c r="F175" s="423"/>
      <c r="G175" s="425"/>
      <c r="H175" s="423"/>
      <c r="I175" s="423"/>
      <c r="J175" s="423"/>
      <c r="K175" s="423"/>
      <c r="L175" s="424"/>
    </row>
    <row r="176" spans="1:12" s="66" customFormat="1" ht="10.5" x14ac:dyDescent="0.2">
      <c r="A176" s="142" t="s">
        <v>725</v>
      </c>
      <c r="B176" s="423">
        <v>3363320600</v>
      </c>
      <c r="C176" s="423">
        <v>1741156515</v>
      </c>
      <c r="D176" s="423">
        <v>-363813381.52000004</v>
      </c>
      <c r="E176" s="423">
        <v>838323924.29999995</v>
      </c>
      <c r="F176" s="423">
        <v>7.4126666185671137</v>
      </c>
      <c r="G176" s="423">
        <v>902832590.70000005</v>
      </c>
      <c r="H176" s="423">
        <v>109067327.25000001</v>
      </c>
      <c r="I176" s="423">
        <v>643265724.91999996</v>
      </c>
      <c r="J176" s="423">
        <v>8.2733854117696648</v>
      </c>
      <c r="K176" s="423">
        <v>1097890790.0799999</v>
      </c>
      <c r="L176" s="424">
        <v>0</v>
      </c>
    </row>
    <row r="177" spans="1:12" s="351" customFormat="1" ht="10.5" x14ac:dyDescent="0.2">
      <c r="A177" s="350" t="s">
        <v>798</v>
      </c>
      <c r="B177" s="501">
        <v>717719100</v>
      </c>
      <c r="C177" s="425">
        <v>716599100</v>
      </c>
      <c r="D177" s="425">
        <v>-393300537.81999999</v>
      </c>
      <c r="E177" s="425">
        <v>324418562.18000007</v>
      </c>
      <c r="F177" s="425">
        <v>2.8685888313675867</v>
      </c>
      <c r="G177" s="425">
        <v>392180537.81999993</v>
      </c>
      <c r="H177" s="425">
        <v>28597410.940000005</v>
      </c>
      <c r="I177" s="425">
        <v>249027508.08999997</v>
      </c>
      <c r="J177" s="425">
        <v>3.2028763118342547</v>
      </c>
      <c r="K177" s="425">
        <v>467571591.91000003</v>
      </c>
      <c r="L177" s="424">
        <v>0</v>
      </c>
    </row>
    <row r="178" spans="1:12" ht="10.5" x14ac:dyDescent="0.2">
      <c r="A178" s="446" t="s">
        <v>726</v>
      </c>
      <c r="B178" s="425">
        <v>217753800</v>
      </c>
      <c r="C178" s="425">
        <v>218753800</v>
      </c>
      <c r="D178" s="425">
        <v>289206.0399999842</v>
      </c>
      <c r="E178" s="425">
        <v>210034839.7899999</v>
      </c>
      <c r="F178" s="425">
        <v>1.8571797851856011</v>
      </c>
      <c r="G178" s="425">
        <v>8718960.2100000978</v>
      </c>
      <c r="H178" s="425">
        <v>33271807.930000011</v>
      </c>
      <c r="I178" s="425">
        <v>138290536.89999998</v>
      </c>
      <c r="J178" s="425">
        <v>1.7786287474224509</v>
      </c>
      <c r="K178" s="425">
        <v>80463263.100000024</v>
      </c>
      <c r="L178" s="424">
        <v>0</v>
      </c>
    </row>
    <row r="179" spans="1:12" ht="10.5" x14ac:dyDescent="0.2">
      <c r="A179" s="446" t="s">
        <v>727</v>
      </c>
      <c r="B179" s="425">
        <v>26138300</v>
      </c>
      <c r="C179" s="425">
        <v>29758300</v>
      </c>
      <c r="D179" s="425">
        <v>7781393.1999999993</v>
      </c>
      <c r="E179" s="425">
        <v>29344393.199999999</v>
      </c>
      <c r="F179" s="425">
        <v>0.25947035222378634</v>
      </c>
      <c r="G179" s="425">
        <v>413906.80000000075</v>
      </c>
      <c r="H179" s="425">
        <v>0</v>
      </c>
      <c r="I179" s="425">
        <v>14859575.27</v>
      </c>
      <c r="J179" s="425">
        <v>0.1911169653554923</v>
      </c>
      <c r="K179" s="425">
        <v>14898724.73</v>
      </c>
      <c r="L179" s="424">
        <v>0</v>
      </c>
    </row>
    <row r="180" spans="1:12" ht="10.5" x14ac:dyDescent="0.2">
      <c r="A180" s="446" t="s">
        <v>868</v>
      </c>
      <c r="B180" s="425">
        <v>0</v>
      </c>
      <c r="C180" s="425">
        <v>0</v>
      </c>
      <c r="D180" s="425">
        <v>0</v>
      </c>
      <c r="E180" s="425">
        <v>0</v>
      </c>
      <c r="F180" s="425">
        <v>0</v>
      </c>
      <c r="G180" s="425">
        <v>0</v>
      </c>
      <c r="H180" s="425">
        <v>0</v>
      </c>
      <c r="I180" s="425">
        <v>0</v>
      </c>
      <c r="J180" s="425">
        <v>0</v>
      </c>
      <c r="K180" s="425">
        <v>0</v>
      </c>
      <c r="L180" s="424">
        <v>0</v>
      </c>
    </row>
    <row r="181" spans="1:12" ht="10.5" x14ac:dyDescent="0.2">
      <c r="A181" s="446" t="s">
        <v>728</v>
      </c>
      <c r="B181" s="425">
        <v>228838400</v>
      </c>
      <c r="C181" s="425">
        <v>271735932</v>
      </c>
      <c r="D181" s="425">
        <v>21416557.059999999</v>
      </c>
      <c r="E181" s="425">
        <v>209934962.24000001</v>
      </c>
      <c r="F181" s="425">
        <v>1.8562966432885752</v>
      </c>
      <c r="G181" s="425">
        <v>61800969.75999999</v>
      </c>
      <c r="H181" s="425">
        <v>42752054.359999999</v>
      </c>
      <c r="I181" s="425">
        <v>188800883.75</v>
      </c>
      <c r="J181" s="425">
        <v>2.4282694022609892</v>
      </c>
      <c r="K181" s="425">
        <v>82935048.25</v>
      </c>
      <c r="L181" s="424">
        <v>0</v>
      </c>
    </row>
    <row r="182" spans="1:12" ht="10.5" customHeight="1" x14ac:dyDescent="0.2">
      <c r="A182" s="446" t="s">
        <v>753</v>
      </c>
      <c r="B182" s="425">
        <v>2172871000</v>
      </c>
      <c r="C182" s="702">
        <v>504309383</v>
      </c>
      <c r="D182" s="702">
        <v>0</v>
      </c>
      <c r="E182" s="702">
        <v>64591166.890000001</v>
      </c>
      <c r="F182" s="425">
        <v>0.57113100650156456</v>
      </c>
      <c r="G182" s="425">
        <v>439718216.11000001</v>
      </c>
      <c r="H182" s="702">
        <v>4446054.0199999996</v>
      </c>
      <c r="I182" s="702">
        <v>52287220.909999996</v>
      </c>
      <c r="J182" s="425">
        <v>0.67249398489647694</v>
      </c>
      <c r="K182" s="425">
        <v>452022162.09000003</v>
      </c>
      <c r="L182" s="424">
        <v>0</v>
      </c>
    </row>
    <row r="183" spans="1:12" s="268" customFormat="1" ht="10.5" customHeight="1" x14ac:dyDescent="0.2">
      <c r="A183" s="446"/>
      <c r="B183" s="425"/>
      <c r="C183" s="423"/>
      <c r="D183" s="423"/>
      <c r="E183" s="423"/>
      <c r="F183" s="423"/>
      <c r="G183" s="423"/>
      <c r="H183" s="423"/>
      <c r="I183" s="423"/>
      <c r="J183" s="423"/>
      <c r="K183" s="423"/>
      <c r="L183" s="424"/>
    </row>
    <row r="184" spans="1:12" s="66" customFormat="1" ht="10.5" customHeight="1" x14ac:dyDescent="0.2">
      <c r="A184" s="143" t="s">
        <v>729</v>
      </c>
      <c r="B184" s="423">
        <v>128753000</v>
      </c>
      <c r="C184" s="423">
        <v>128753000</v>
      </c>
      <c r="D184" s="423">
        <v>0</v>
      </c>
      <c r="E184" s="423">
        <v>0</v>
      </c>
      <c r="F184" s="423">
        <v>0</v>
      </c>
      <c r="G184" s="423">
        <v>128753000</v>
      </c>
      <c r="H184" s="423">
        <v>0</v>
      </c>
      <c r="I184" s="423">
        <v>0</v>
      </c>
      <c r="J184" s="423">
        <v>0</v>
      </c>
      <c r="K184" s="423">
        <v>128753000</v>
      </c>
      <c r="L184" s="424">
        <v>0</v>
      </c>
    </row>
    <row r="185" spans="1:12" ht="10.5" x14ac:dyDescent="0.2">
      <c r="A185" s="22" t="s">
        <v>731</v>
      </c>
      <c r="B185" s="425">
        <v>0</v>
      </c>
      <c r="C185" s="425">
        <v>0</v>
      </c>
      <c r="D185" s="425">
        <v>0</v>
      </c>
      <c r="E185" s="425">
        <v>0</v>
      </c>
      <c r="F185" s="423">
        <v>0</v>
      </c>
      <c r="G185" s="425">
        <v>0</v>
      </c>
      <c r="H185" s="425">
        <v>0</v>
      </c>
      <c r="I185" s="425">
        <v>0</v>
      </c>
      <c r="J185" s="425">
        <v>0</v>
      </c>
      <c r="K185" s="425">
        <v>0</v>
      </c>
      <c r="L185" s="424">
        <v>0</v>
      </c>
    </row>
    <row r="186" spans="1:12" ht="11.25" customHeight="1" x14ac:dyDescent="0.2">
      <c r="A186" s="22" t="s">
        <v>730</v>
      </c>
      <c r="B186" s="425">
        <v>128753000</v>
      </c>
      <c r="C186" s="425">
        <v>128753000</v>
      </c>
      <c r="D186" s="425">
        <v>0</v>
      </c>
      <c r="E186" s="425">
        <v>0</v>
      </c>
      <c r="F186" s="423">
        <v>0</v>
      </c>
      <c r="G186" s="425">
        <v>128753000</v>
      </c>
      <c r="H186" s="425">
        <v>0</v>
      </c>
      <c r="I186" s="425">
        <v>0</v>
      </c>
      <c r="J186" s="425">
        <v>0</v>
      </c>
      <c r="K186" s="425">
        <v>128753000</v>
      </c>
      <c r="L186" s="424">
        <v>0</v>
      </c>
    </row>
    <row r="187" spans="1:12" ht="11.25" customHeight="1" x14ac:dyDescent="0.2">
      <c r="A187" s="22"/>
      <c r="B187" s="425"/>
      <c r="C187" s="425"/>
      <c r="D187" s="425"/>
      <c r="E187" s="425"/>
      <c r="F187" s="425"/>
      <c r="G187" s="425"/>
      <c r="H187" s="425"/>
      <c r="I187" s="425"/>
      <c r="J187" s="423"/>
      <c r="K187" s="423"/>
      <c r="L187" s="424"/>
    </row>
    <row r="188" spans="1:12" s="66" customFormat="1" ht="15" customHeight="1" x14ac:dyDescent="0.2">
      <c r="A188" s="142" t="s">
        <v>221</v>
      </c>
      <c r="B188" s="423">
        <v>993939500</v>
      </c>
      <c r="C188" s="423">
        <v>1295948358.9000003</v>
      </c>
      <c r="D188" s="423">
        <v>20218563.589999977</v>
      </c>
      <c r="E188" s="423">
        <v>1095784644.6900001</v>
      </c>
      <c r="F188" s="423">
        <v>9.6891977210532634</v>
      </c>
      <c r="G188" s="423">
        <v>200163714.20999995</v>
      </c>
      <c r="H188" s="423">
        <v>175718820.08000001</v>
      </c>
      <c r="I188" s="423">
        <v>741491168.24999976</v>
      </c>
      <c r="J188" s="423">
        <v>9.5367155076054004</v>
      </c>
      <c r="K188" s="423">
        <v>554457190.64999998</v>
      </c>
      <c r="L188" s="424">
        <v>0</v>
      </c>
    </row>
    <row r="189" spans="1:12" ht="15" customHeight="1" x14ac:dyDescent="0.2">
      <c r="A189" s="445" t="s">
        <v>222</v>
      </c>
      <c r="B189" s="365">
        <v>13926525000</v>
      </c>
      <c r="C189" s="365">
        <v>15192104220</v>
      </c>
      <c r="D189" s="365">
        <v>509283760.93000031</v>
      </c>
      <c r="E189" s="365">
        <v>11309343417.66</v>
      </c>
      <c r="F189" s="502">
        <v>100</v>
      </c>
      <c r="G189" s="365">
        <v>3882760802.3399992</v>
      </c>
      <c r="H189" s="365">
        <v>1908260724.9500003</v>
      </c>
      <c r="I189" s="365">
        <v>7775120980.1599998</v>
      </c>
      <c r="J189" s="502">
        <v>100</v>
      </c>
      <c r="K189" s="503">
        <v>7416983239.8400002</v>
      </c>
      <c r="L189" s="233">
        <v>0</v>
      </c>
    </row>
    <row r="190" spans="1:12" ht="11.25" customHeight="1" x14ac:dyDescent="0.2">
      <c r="A190" s="65" t="s">
        <v>848</v>
      </c>
      <c r="L190" s="296"/>
    </row>
    <row r="191" spans="1:12" ht="11.25" customHeight="1" x14ac:dyDescent="0.2">
      <c r="A191" s="447"/>
      <c r="D191" s="205"/>
      <c r="I191" s="205"/>
    </row>
    <row r="196" s="45" customFormat="1" ht="11.25" customHeight="1" x14ac:dyDescent="0.2"/>
    <row r="197" s="45" customFormat="1" ht="11.25" customHeight="1" x14ac:dyDescent="0.2"/>
    <row r="198" s="45" customFormat="1" ht="11.25" customHeight="1" x14ac:dyDescent="0.2"/>
    <row r="199" s="45" customFormat="1" ht="11.25" customHeight="1" x14ac:dyDescent="0.2"/>
    <row r="200" s="45" customFormat="1" ht="11.25" customHeight="1" x14ac:dyDescent="0.2"/>
    <row r="201" s="45" customFormat="1" ht="11.25" customHeight="1" x14ac:dyDescent="0.2"/>
    <row r="202" s="45" customFormat="1" ht="11.25" customHeight="1" x14ac:dyDescent="0.2"/>
  </sheetData>
  <customSheetViews>
    <customSheetView guid="{C779D862-DE28-46CD-A428-4AAA1056D1E1}" showPageBreaks="1" showGridLines="0" fitToPage="1" printArea="1">
      <selection activeCell="A7" sqref="A7:E7"/>
      <pageMargins left="0.19685039370078741" right="0.19685039370078741" top="0.19685039370078741" bottom="0.19685039370078741" header="0" footer="0"/>
      <printOptions horizontalCentered="1"/>
      <pageSetup paperSize="9" scale="39" orientation="portrait" r:id="rId1"/>
      <headerFooter alignWithMargins="0"/>
    </customSheetView>
    <customSheetView guid="{3AAF6A5F-F9AA-430B-9AD9-1261ECDF41B5}" showPageBreaks="1" showGridLines="0" fitToPage="1" printArea="1" topLeftCell="A183">
      <selection activeCell="B208" sqref="B208"/>
      <rowBreaks count="1" manualBreakCount="1">
        <brk id="164" max="11" man="1"/>
      </rowBreaks>
      <pageMargins left="0.19685039370078741" right="0.19685039370078741" top="0.19685039370078741" bottom="0.19685039370078741" header="0" footer="0"/>
      <printOptions horizontalCentered="1"/>
      <pageSetup paperSize="9" scale="38" orientation="portrait" r:id="rId2"/>
      <headerFooter alignWithMargins="0"/>
    </customSheetView>
    <customSheetView guid="{25EF1E0D-169B-4051-B414-7E1196FC05E4}" showPageBreaks="1" showGridLines="0" fitToPage="1" printArea="1" topLeftCell="A163">
      <selection activeCell="E180" sqref="E180"/>
      <pageMargins left="0.19685039370078741" right="0.19685039370078741" top="0.19685039370078741" bottom="0.19685039370078741" header="0" footer="0"/>
      <printOptions horizontalCentered="1"/>
      <pageSetup paperSize="9" scale="39" orientation="portrait" r:id="rId3"/>
      <headerFooter alignWithMargins="0"/>
    </customSheetView>
    <customSheetView guid="{82EDB5A4-4824-4632-A540-7A52C92F04C7}" showPageBreaks="1" showGridLines="0" fitToPage="1" printArea="1" topLeftCell="A9">
      <pane xSplit="1" ySplit="4" topLeftCell="C140" activePane="bottomRight" state="frozen"/>
      <selection pane="bottomRight" activeCell="I165" sqref="I165"/>
      <pageMargins left="0.19685039370078741" right="0.19685039370078741" top="0.19685039370078741" bottom="0.19685039370078741" header="0" footer="0"/>
      <printOptions horizontalCentered="1"/>
      <pageSetup paperSize="9" scale="39" orientation="portrait" r:id="rId4"/>
      <headerFooter alignWithMargins="0"/>
    </customSheetView>
    <customSheetView guid="{15F968AB-9DD6-4E60-9FDC-FEF44C5FFDCB}" showPageBreaks="1" showGridLines="0" fitToPage="1" printArea="1">
      <pageMargins left="0.39370078740157483" right="0.39370078740157483" top="0.98425196850393704" bottom="0.98425196850393704" header="0" footer="0"/>
      <printOptions horizontalCentered="1"/>
      <pageSetup paperSize="9" scale="40" fitToHeight="2" orientation="portrait" r:id="rId5"/>
      <headerFooter alignWithMargins="0"/>
    </customSheetView>
    <customSheetView guid="{D5976633-8ECB-4B00-B200-C7467CF5B10F}" showGridLines="0" fitToPage="1" topLeftCell="A154">
      <selection activeCell="A170" sqref="A170"/>
      <pageMargins left="0.39370078740157483" right="0.39370078740157483" top="0.98425196850393704" bottom="0.98425196850393704" header="0" footer="0"/>
      <printOptions horizontalCentered="1"/>
      <pageSetup scale="28" orientation="portrait" r:id="rId6"/>
      <headerFooter alignWithMargins="0"/>
    </customSheetView>
    <customSheetView guid="{B4FED47C-EE37-4843-A570-282D4F8229D4}" showGridLines="0" fitToPage="1" topLeftCell="B50">
      <selection activeCell="I74" sqref="I74"/>
      <pageMargins left="0.19685039370078741" right="0.19685039370078741" top="0.19685039370078741" bottom="0.19685039370078741" header="0" footer="0"/>
      <printOptions horizontalCentered="1"/>
      <pageSetup paperSize="9" scale="38" orientation="portrait" r:id="rId7"/>
      <headerFooter alignWithMargins="0"/>
    </customSheetView>
    <customSheetView guid="{6DBFA32C-4AA4-4E1D-9A48-697377C64CC3}" showPageBreaks="1" showGridLines="0" printArea="1" topLeftCell="D1">
      <selection activeCell="A6" sqref="A6:L6"/>
      <rowBreaks count="1" manualBreakCount="1">
        <brk id="171" max="11" man="1"/>
      </rowBreaks>
      <pageMargins left="0.19685039370078741" right="0.19685039370078741" top="0.19685039370078741" bottom="0.19685039370078741" header="0" footer="0"/>
      <printOptions horizontalCentered="1"/>
      <pageSetup paperSize="9" scale="40" fitToHeight="2" orientation="portrait" r:id="rId8"/>
      <headerFooter alignWithMargins="0"/>
    </customSheetView>
    <customSheetView guid="{09DEEE52-8A8D-4F12-80E3-55185B30DF10}" showGridLines="0" fitToPage="1">
      <pageMargins left="0.19685039370078741" right="0.19685039370078741" top="0.19685039370078741" bottom="0.19685039370078741" header="0" footer="0"/>
      <printOptions horizontalCentered="1"/>
      <pageSetup paperSize="9" scale="39" orientation="portrait" r:id="rId9"/>
      <headerFooter alignWithMargins="0"/>
    </customSheetView>
  </customSheetViews>
  <mergeCells count="12">
    <mergeCell ref="H10:J10"/>
    <mergeCell ref="L10:L12"/>
    <mergeCell ref="D10:F10"/>
    <mergeCell ref="G10:G11"/>
    <mergeCell ref="K10:K11"/>
    <mergeCell ref="D11:D12"/>
    <mergeCell ref="H11:H12"/>
    <mergeCell ref="A3:L3"/>
    <mergeCell ref="A4:L4"/>
    <mergeCell ref="A5:L5"/>
    <mergeCell ref="A6:L6"/>
    <mergeCell ref="A7:L7"/>
  </mergeCells>
  <phoneticPr fontId="1" type="noConversion"/>
  <printOptions horizontalCentered="1"/>
  <pageMargins left="0.19685039370078741" right="0.19685039370078741" top="0.19685039370078741" bottom="0.19685039370078741" header="0" footer="0"/>
  <pageSetup paperSize="9" scale="39" orientation="portrait" r:id="rId10"/>
  <headerFooter alignWithMargins="0"/>
  <drawing r:id="rId1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166"/>
  <sheetViews>
    <sheetView showGridLines="0" zoomScaleNormal="100" workbookViewId="0"/>
  </sheetViews>
  <sheetFormatPr defaultColWidth="9.140625" defaultRowHeight="11.25" customHeight="1" x14ac:dyDescent="0.2"/>
  <cols>
    <col min="1" max="1" width="42.7109375" style="45" customWidth="1"/>
    <col min="2" max="2" width="17.5703125" style="45" bestFit="1" customWidth="1"/>
    <col min="3" max="3" width="19.140625" style="45" bestFit="1" customWidth="1"/>
    <col min="4" max="4" width="17.42578125" style="45" customWidth="1"/>
    <col min="5" max="5" width="20.28515625" style="45" customWidth="1"/>
    <col min="6" max="6" width="11" style="45" customWidth="1"/>
    <col min="7" max="7" width="17.42578125" style="45" bestFit="1" customWidth="1"/>
    <col min="8" max="8" width="17" style="45" customWidth="1"/>
    <col min="9" max="9" width="17.28515625" style="45" bestFit="1" customWidth="1"/>
    <col min="10" max="10" width="11" style="45" customWidth="1"/>
    <col min="11" max="11" width="17.7109375" style="45" customWidth="1"/>
    <col min="12" max="12" width="15.7109375" style="45" customWidth="1"/>
    <col min="13" max="16384" width="9.140625" style="188"/>
  </cols>
  <sheetData>
    <row r="1" spans="1:12" s="26" customFormat="1" ht="10.5" x14ac:dyDescent="0.2">
      <c r="A1" s="294"/>
      <c r="B1" s="294"/>
      <c r="C1" s="294"/>
      <c r="D1" s="294"/>
      <c r="E1" s="294"/>
      <c r="F1" s="294"/>
      <c r="G1" s="294"/>
      <c r="H1" s="294"/>
      <c r="I1" s="294"/>
      <c r="J1" s="294"/>
    </row>
    <row r="2" spans="1:12" s="26" customFormat="1" ht="10.5" x14ac:dyDescent="0.2">
      <c r="A2" s="190"/>
    </row>
    <row r="3" spans="1:12" s="45" customFormat="1" ht="10.5" x14ac:dyDescent="0.2">
      <c r="A3" s="720" t="s">
        <v>638</v>
      </c>
      <c r="B3" s="720"/>
      <c r="C3" s="720"/>
      <c r="D3" s="720"/>
      <c r="E3" s="720"/>
      <c r="F3" s="720"/>
      <c r="G3" s="720"/>
      <c r="H3" s="720"/>
      <c r="I3" s="720"/>
      <c r="J3" s="720"/>
      <c r="K3" s="720"/>
      <c r="L3" s="720"/>
    </row>
    <row r="4" spans="1:12" s="45" customFormat="1" ht="10.5" x14ac:dyDescent="0.2">
      <c r="A4" s="720" t="s">
        <v>105</v>
      </c>
      <c r="B4" s="720"/>
      <c r="C4" s="720"/>
      <c r="D4" s="720"/>
      <c r="E4" s="720"/>
      <c r="F4" s="720"/>
      <c r="G4" s="720"/>
      <c r="H4" s="720"/>
      <c r="I4" s="720"/>
      <c r="J4" s="720"/>
      <c r="K4" s="720"/>
      <c r="L4" s="720"/>
    </row>
    <row r="5" spans="1:12" s="45" customFormat="1" ht="10.5" x14ac:dyDescent="0.2">
      <c r="A5" s="720" t="s">
        <v>168</v>
      </c>
      <c r="B5" s="720"/>
      <c r="C5" s="720"/>
      <c r="D5" s="720"/>
      <c r="E5" s="720"/>
      <c r="F5" s="720"/>
      <c r="G5" s="720"/>
      <c r="H5" s="720"/>
      <c r="I5" s="720"/>
      <c r="J5" s="720"/>
      <c r="K5" s="720"/>
      <c r="L5" s="720"/>
    </row>
    <row r="6" spans="1:12" s="45" customFormat="1" ht="10.5" x14ac:dyDescent="0.2">
      <c r="A6" s="720" t="s">
        <v>107</v>
      </c>
      <c r="B6" s="720"/>
      <c r="C6" s="720"/>
      <c r="D6" s="720"/>
      <c r="E6" s="720"/>
      <c r="F6" s="720"/>
      <c r="G6" s="720"/>
      <c r="H6" s="720"/>
      <c r="I6" s="720"/>
      <c r="J6" s="720"/>
      <c r="K6" s="720"/>
      <c r="L6" s="720"/>
    </row>
    <row r="7" spans="1:12" s="45" customFormat="1" ht="10.5" x14ac:dyDescent="0.2">
      <c r="A7" s="720" t="s">
        <v>891</v>
      </c>
      <c r="B7" s="720"/>
      <c r="C7" s="720"/>
      <c r="D7" s="720"/>
      <c r="E7" s="720"/>
      <c r="F7" s="720"/>
      <c r="G7" s="720"/>
      <c r="H7" s="720"/>
      <c r="I7" s="720"/>
      <c r="J7" s="720"/>
      <c r="K7" s="720"/>
      <c r="L7" s="720"/>
    </row>
    <row r="8" spans="1:12" s="26" customFormat="1" ht="10.5" x14ac:dyDescent="0.2">
      <c r="A8" s="46"/>
      <c r="B8" s="46"/>
      <c r="C8" s="46"/>
      <c r="D8" s="46"/>
      <c r="E8" s="46"/>
      <c r="F8" s="46"/>
      <c r="G8" s="46"/>
      <c r="H8" s="46"/>
      <c r="I8" s="46"/>
      <c r="J8" s="46"/>
      <c r="K8" s="46"/>
      <c r="L8" s="46"/>
    </row>
    <row r="9" spans="1:12" s="26" customFormat="1" ht="10.5" x14ac:dyDescent="0.2">
      <c r="A9" s="26" t="s">
        <v>734</v>
      </c>
      <c r="B9" s="112"/>
      <c r="L9" s="618">
        <v>1</v>
      </c>
    </row>
    <row r="10" spans="1:12" ht="20.100000000000001" customHeight="1" x14ac:dyDescent="0.2">
      <c r="A10" s="781" t="s">
        <v>733</v>
      </c>
      <c r="B10" s="184" t="s">
        <v>157</v>
      </c>
      <c r="C10" s="184" t="s">
        <v>157</v>
      </c>
      <c r="D10" s="729" t="s">
        <v>158</v>
      </c>
      <c r="E10" s="730"/>
      <c r="F10" s="731"/>
      <c r="G10" s="755" t="s">
        <v>161</v>
      </c>
      <c r="H10" s="779" t="s">
        <v>159</v>
      </c>
      <c r="I10" s="780"/>
      <c r="J10" s="781"/>
      <c r="K10" s="755" t="s">
        <v>161</v>
      </c>
      <c r="L10" s="760" t="s">
        <v>732</v>
      </c>
    </row>
    <row r="11" spans="1:12" ht="20.100000000000001" customHeight="1" x14ac:dyDescent="0.2">
      <c r="A11" s="784"/>
      <c r="B11" s="186" t="s">
        <v>111</v>
      </c>
      <c r="C11" s="186" t="s">
        <v>112</v>
      </c>
      <c r="D11" s="782" t="s">
        <v>113</v>
      </c>
      <c r="E11" s="184" t="s">
        <v>115</v>
      </c>
      <c r="F11" s="184" t="s">
        <v>114</v>
      </c>
      <c r="G11" s="756"/>
      <c r="H11" s="782" t="s">
        <v>113</v>
      </c>
      <c r="I11" s="184" t="s">
        <v>115</v>
      </c>
      <c r="J11" s="184" t="s">
        <v>114</v>
      </c>
      <c r="K11" s="756"/>
      <c r="L11" s="762"/>
    </row>
    <row r="12" spans="1:12" s="403" customFormat="1" ht="20.100000000000001" customHeight="1" x14ac:dyDescent="0.2">
      <c r="A12" s="785"/>
      <c r="B12" s="400"/>
      <c r="C12" s="401" t="s">
        <v>116</v>
      </c>
      <c r="D12" s="783"/>
      <c r="E12" s="401" t="s">
        <v>117</v>
      </c>
      <c r="F12" s="401" t="s">
        <v>59</v>
      </c>
      <c r="G12" s="402" t="s">
        <v>279</v>
      </c>
      <c r="H12" s="783"/>
      <c r="I12" s="401" t="s">
        <v>162</v>
      </c>
      <c r="J12" s="401" t="s">
        <v>542</v>
      </c>
      <c r="K12" s="402" t="s">
        <v>541</v>
      </c>
      <c r="L12" s="764"/>
    </row>
    <row r="13" spans="1:12" s="19" customFormat="1" ht="10.5" x14ac:dyDescent="0.2">
      <c r="A13" s="142"/>
      <c r="B13" s="24"/>
      <c r="C13" s="23"/>
      <c r="D13" s="23"/>
      <c r="E13" s="23"/>
      <c r="F13" s="23"/>
      <c r="G13" s="345"/>
      <c r="H13" s="345"/>
      <c r="I13" s="345"/>
      <c r="J13" s="201"/>
      <c r="K13" s="201"/>
      <c r="L13" s="295"/>
    </row>
    <row r="14" spans="1:12" s="185" customFormat="1" ht="10.5" x14ac:dyDescent="0.2">
      <c r="A14" s="142" t="s">
        <v>639</v>
      </c>
      <c r="B14" s="423">
        <v>46320000</v>
      </c>
      <c r="C14" s="423">
        <v>46320000</v>
      </c>
      <c r="D14" s="423">
        <v>3042738.5600000005</v>
      </c>
      <c r="E14" s="423">
        <v>32108568.279999994</v>
      </c>
      <c r="F14" s="504">
        <v>2.930189653194454</v>
      </c>
      <c r="G14" s="423">
        <v>14211431.720000004</v>
      </c>
      <c r="H14" s="423">
        <v>6467853.8200000003</v>
      </c>
      <c r="I14" s="423">
        <v>24637467.530000001</v>
      </c>
      <c r="J14" s="504">
        <v>3.3226919732769193</v>
      </c>
      <c r="K14" s="505">
        <v>21682532.469999999</v>
      </c>
      <c r="L14" s="506">
        <v>0</v>
      </c>
    </row>
    <row r="15" spans="1:12" ht="10.5" x14ac:dyDescent="0.2">
      <c r="A15" s="189" t="s">
        <v>640</v>
      </c>
      <c r="B15" s="434">
        <v>26000000</v>
      </c>
      <c r="C15" s="434">
        <v>26000000</v>
      </c>
      <c r="D15" s="434">
        <v>3042738.5600000005</v>
      </c>
      <c r="E15" s="434">
        <v>11943568.279999999</v>
      </c>
      <c r="F15" s="507">
        <v>1.0899557990592996</v>
      </c>
      <c r="G15" s="425">
        <v>14056431.720000001</v>
      </c>
      <c r="H15" s="434">
        <v>3042738.56</v>
      </c>
      <c r="I15" s="434">
        <v>11943568.279999999</v>
      </c>
      <c r="J15" s="507">
        <v>1.6107499038981308</v>
      </c>
      <c r="K15" s="499">
        <v>14056431.720000001</v>
      </c>
      <c r="L15" s="459">
        <v>0</v>
      </c>
    </row>
    <row r="16" spans="1:12" ht="10.5" x14ac:dyDescent="0.2">
      <c r="A16" s="189" t="s">
        <v>641</v>
      </c>
      <c r="B16" s="434">
        <v>20320000</v>
      </c>
      <c r="C16" s="434">
        <v>20320000</v>
      </c>
      <c r="D16" s="434">
        <v>0</v>
      </c>
      <c r="E16" s="434">
        <v>20164999.999999996</v>
      </c>
      <c r="F16" s="507">
        <v>1.8402338541351544</v>
      </c>
      <c r="G16" s="425">
        <v>155000.00000000373</v>
      </c>
      <c r="H16" s="434">
        <v>3425115.26</v>
      </c>
      <c r="I16" s="434">
        <v>12693899.25</v>
      </c>
      <c r="J16" s="507">
        <v>1.7119420693787886</v>
      </c>
      <c r="K16" s="499">
        <v>7626100.75</v>
      </c>
      <c r="L16" s="459">
        <v>0</v>
      </c>
    </row>
    <row r="17" spans="1:12" ht="10.5" x14ac:dyDescent="0.2">
      <c r="A17" s="189"/>
      <c r="B17" s="434"/>
      <c r="C17" s="434"/>
      <c r="D17" s="434"/>
      <c r="E17" s="434"/>
      <c r="F17" s="499"/>
      <c r="G17" s="425"/>
      <c r="H17" s="434"/>
      <c r="I17" s="434"/>
      <c r="J17" s="499"/>
      <c r="K17" s="459"/>
      <c r="L17" s="459"/>
    </row>
    <row r="18" spans="1:12" s="66" customFormat="1" ht="10.5" x14ac:dyDescent="0.2">
      <c r="A18" s="142" t="s">
        <v>642</v>
      </c>
      <c r="B18" s="423">
        <v>102300000</v>
      </c>
      <c r="C18" s="423">
        <v>84928300</v>
      </c>
      <c r="D18" s="423">
        <v>367999.99999999348</v>
      </c>
      <c r="E18" s="423">
        <v>83444227.429999948</v>
      </c>
      <c r="F18" s="504">
        <v>7.615020691735146</v>
      </c>
      <c r="G18" s="423">
        <v>1484072.5700000525</v>
      </c>
      <c r="H18" s="423">
        <v>14841360.180000003</v>
      </c>
      <c r="I18" s="423">
        <v>61915402.720000006</v>
      </c>
      <c r="J18" s="504">
        <v>8.3501200514804683</v>
      </c>
      <c r="K18" s="505">
        <v>23012897.279999994</v>
      </c>
      <c r="L18" s="322">
        <v>0</v>
      </c>
    </row>
    <row r="19" spans="1:12" ht="10.5" x14ac:dyDescent="0.2">
      <c r="A19" s="189" t="s">
        <v>643</v>
      </c>
      <c r="B19" s="425">
        <v>102300000</v>
      </c>
      <c r="C19" s="425">
        <v>84928300</v>
      </c>
      <c r="D19" s="425">
        <v>367999.99999999348</v>
      </c>
      <c r="E19" s="425">
        <v>83444227.429999948</v>
      </c>
      <c r="F19" s="507">
        <v>7.615020691735146</v>
      </c>
      <c r="G19" s="425">
        <v>1484072.5700000525</v>
      </c>
      <c r="H19" s="425">
        <v>14841360.180000003</v>
      </c>
      <c r="I19" s="425">
        <v>61915402.720000006</v>
      </c>
      <c r="J19" s="507">
        <v>8.3501200514804683</v>
      </c>
      <c r="K19" s="499">
        <v>23012897.279999994</v>
      </c>
      <c r="L19" s="459">
        <v>0</v>
      </c>
    </row>
    <row r="20" spans="1:12" ht="10.5" x14ac:dyDescent="0.2">
      <c r="A20" s="189"/>
      <c r="B20" s="425"/>
      <c r="C20" s="425"/>
      <c r="D20" s="425"/>
      <c r="E20" s="425"/>
      <c r="F20" s="499"/>
      <c r="G20" s="425"/>
      <c r="H20" s="425"/>
      <c r="I20" s="425"/>
      <c r="J20" s="499"/>
      <c r="K20" s="459"/>
      <c r="L20" s="459"/>
    </row>
    <row r="21" spans="1:12" s="66" customFormat="1" ht="10.5" x14ac:dyDescent="0.2">
      <c r="A21" s="160" t="s">
        <v>754</v>
      </c>
      <c r="B21" s="423">
        <v>74779700</v>
      </c>
      <c r="C21" s="423">
        <v>68018428.629999995</v>
      </c>
      <c r="D21" s="423">
        <v>8370117.3100000015</v>
      </c>
      <c r="E21" s="423">
        <v>44760774.859999999</v>
      </c>
      <c r="F21" s="504">
        <v>4.0848149384921273</v>
      </c>
      <c r="G21" s="423">
        <v>23257653.77</v>
      </c>
      <c r="H21" s="423">
        <v>9768529.7600000016</v>
      </c>
      <c r="I21" s="423">
        <v>39249784.769999996</v>
      </c>
      <c r="J21" s="504">
        <v>5.2933583636112322</v>
      </c>
      <c r="K21" s="505">
        <v>28768643.860000003</v>
      </c>
      <c r="L21" s="322">
        <v>0</v>
      </c>
    </row>
    <row r="22" spans="1:12" ht="10.5" x14ac:dyDescent="0.2">
      <c r="A22" s="189" t="s">
        <v>644</v>
      </c>
      <c r="B22" s="425">
        <v>37605600</v>
      </c>
      <c r="C22" s="425">
        <v>37575600</v>
      </c>
      <c r="D22" s="425">
        <v>5452642.1100000013</v>
      </c>
      <c r="E22" s="425">
        <v>23975843.390000001</v>
      </c>
      <c r="F22" s="507">
        <v>2.1880068776454538</v>
      </c>
      <c r="G22" s="425">
        <v>13599756.609999999</v>
      </c>
      <c r="H22" s="425">
        <v>5452652.1100000003</v>
      </c>
      <c r="I22" s="425">
        <v>21336759.949999996</v>
      </c>
      <c r="J22" s="507">
        <v>2.8775474157510308</v>
      </c>
      <c r="K22" s="499">
        <v>16238840.050000004</v>
      </c>
      <c r="L22" s="459">
        <v>0</v>
      </c>
    </row>
    <row r="23" spans="1:12" ht="10.5" x14ac:dyDescent="0.2">
      <c r="A23" s="189" t="s">
        <v>645</v>
      </c>
      <c r="B23" s="425">
        <v>10788000</v>
      </c>
      <c r="C23" s="425">
        <v>9030000</v>
      </c>
      <c r="D23" s="425">
        <v>0</v>
      </c>
      <c r="E23" s="425">
        <v>8458026.4800000004</v>
      </c>
      <c r="F23" s="507">
        <v>0.77186941074473581</v>
      </c>
      <c r="G23" s="425">
        <v>571973.51999999955</v>
      </c>
      <c r="H23" s="425">
        <v>1398402.45</v>
      </c>
      <c r="I23" s="425">
        <v>5586121.8399999989</v>
      </c>
      <c r="J23" s="507">
        <v>0.75336323333207822</v>
      </c>
      <c r="K23" s="499">
        <v>3443878.1600000011</v>
      </c>
      <c r="L23" s="459">
        <v>0</v>
      </c>
    </row>
    <row r="24" spans="1:12" ht="10.5" x14ac:dyDescent="0.2">
      <c r="A24" s="189" t="s">
        <v>652</v>
      </c>
      <c r="B24" s="425">
        <v>15000</v>
      </c>
      <c r="C24" s="425">
        <v>15000</v>
      </c>
      <c r="D24" s="425">
        <v>0</v>
      </c>
      <c r="E24" s="425">
        <v>0</v>
      </c>
      <c r="F24" s="507">
        <v>0</v>
      </c>
      <c r="G24" s="425">
        <v>15000</v>
      </c>
      <c r="H24" s="425">
        <v>0</v>
      </c>
      <c r="I24" s="425">
        <v>0</v>
      </c>
      <c r="J24" s="507">
        <v>0</v>
      </c>
      <c r="K24" s="499">
        <v>15000</v>
      </c>
      <c r="L24" s="459">
        <v>0</v>
      </c>
    </row>
    <row r="25" spans="1:12" ht="10.5" x14ac:dyDescent="0.2">
      <c r="A25" s="189" t="s">
        <v>684</v>
      </c>
      <c r="B25" s="425">
        <v>26371100</v>
      </c>
      <c r="C25" s="425">
        <v>21397828.629999999</v>
      </c>
      <c r="D25" s="425">
        <v>2917475.2</v>
      </c>
      <c r="E25" s="425">
        <v>12326904.989999998</v>
      </c>
      <c r="F25" s="507">
        <v>1.1249386501019376</v>
      </c>
      <c r="G25" s="425">
        <v>9070923.6400000006</v>
      </c>
      <c r="H25" s="425">
        <v>2917475.2</v>
      </c>
      <c r="I25" s="425">
        <v>12326902.98</v>
      </c>
      <c r="J25" s="507">
        <v>1.6624477145281231</v>
      </c>
      <c r="K25" s="499">
        <v>9070925.6499999985</v>
      </c>
      <c r="L25" s="459">
        <v>0</v>
      </c>
    </row>
    <row r="26" spans="1:12" ht="10.5" x14ac:dyDescent="0.2">
      <c r="A26" s="189"/>
      <c r="B26" s="425"/>
      <c r="C26" s="425"/>
      <c r="D26" s="425"/>
      <c r="E26" s="425"/>
      <c r="F26" s="499"/>
      <c r="G26" s="425"/>
      <c r="H26" s="425"/>
      <c r="I26" s="425"/>
      <c r="J26" s="499"/>
      <c r="K26" s="459"/>
      <c r="L26" s="459"/>
    </row>
    <row r="27" spans="1:12" s="66" customFormat="1" ht="10.5" x14ac:dyDescent="0.2">
      <c r="A27" s="142" t="s">
        <v>646</v>
      </c>
      <c r="B27" s="423">
        <v>185668800</v>
      </c>
      <c r="C27" s="423">
        <v>174981169.88</v>
      </c>
      <c r="D27" s="423">
        <v>-413448.9999999929</v>
      </c>
      <c r="E27" s="423">
        <v>169072679.87999994</v>
      </c>
      <c r="F27" s="504">
        <v>15.429371154204391</v>
      </c>
      <c r="G27" s="423">
        <v>5908490.0000000559</v>
      </c>
      <c r="H27" s="423">
        <v>25199304.909999996</v>
      </c>
      <c r="I27" s="423">
        <v>105509738.17</v>
      </c>
      <c r="J27" s="504">
        <v>14.229399173966497</v>
      </c>
      <c r="K27" s="505">
        <v>69471431.709999993</v>
      </c>
      <c r="L27" s="322">
        <v>0</v>
      </c>
    </row>
    <row r="28" spans="1:12" ht="10.5" x14ac:dyDescent="0.2">
      <c r="A28" s="189" t="s">
        <v>648</v>
      </c>
      <c r="B28" s="425">
        <v>9752800</v>
      </c>
      <c r="C28" s="425">
        <v>16392217.879999999</v>
      </c>
      <c r="D28" s="425">
        <v>-433769.00000000035</v>
      </c>
      <c r="E28" s="425">
        <v>10665045.009999998</v>
      </c>
      <c r="F28" s="507">
        <v>0.97327929002118496</v>
      </c>
      <c r="G28" s="425">
        <v>5727172.870000001</v>
      </c>
      <c r="H28" s="425">
        <v>1607654.8299999996</v>
      </c>
      <c r="I28" s="425">
        <v>6665546.0699999975</v>
      </c>
      <c r="J28" s="507">
        <v>0.89893802588794347</v>
      </c>
      <c r="K28" s="499">
        <v>9726671.8100000024</v>
      </c>
      <c r="L28" s="459">
        <v>0</v>
      </c>
    </row>
    <row r="29" spans="1:12" ht="10.5" x14ac:dyDescent="0.2">
      <c r="A29" s="189" t="s">
        <v>649</v>
      </c>
      <c r="B29" s="425">
        <v>175916000</v>
      </c>
      <c r="C29" s="425">
        <v>158588952</v>
      </c>
      <c r="D29" s="425">
        <v>20320.000000007451</v>
      </c>
      <c r="E29" s="425">
        <v>158407634.86999995</v>
      </c>
      <c r="F29" s="507">
        <v>14.456091864183204</v>
      </c>
      <c r="G29" s="425">
        <v>181317.13000005484</v>
      </c>
      <c r="H29" s="425">
        <v>23591650.079999998</v>
      </c>
      <c r="I29" s="425">
        <v>98844192.100000009</v>
      </c>
      <c r="J29" s="507">
        <v>13.330461148078554</v>
      </c>
      <c r="K29" s="499">
        <v>59744759.899999991</v>
      </c>
      <c r="L29" s="459">
        <v>0</v>
      </c>
    </row>
    <row r="30" spans="1:12" ht="10.5" x14ac:dyDescent="0.2">
      <c r="A30" s="189" t="s">
        <v>650</v>
      </c>
      <c r="B30" s="425">
        <v>0</v>
      </c>
      <c r="C30" s="425">
        <v>0</v>
      </c>
      <c r="D30" s="425">
        <v>0</v>
      </c>
      <c r="E30" s="425">
        <v>0</v>
      </c>
      <c r="F30" s="507">
        <v>0</v>
      </c>
      <c r="G30" s="425">
        <v>0</v>
      </c>
      <c r="H30" s="425">
        <v>0</v>
      </c>
      <c r="I30" s="425">
        <v>0</v>
      </c>
      <c r="J30" s="507">
        <v>0</v>
      </c>
      <c r="K30" s="499">
        <v>0</v>
      </c>
      <c r="L30" s="459">
        <v>0</v>
      </c>
    </row>
    <row r="31" spans="1:12" ht="10.5" x14ac:dyDescent="0.2">
      <c r="A31" s="189" t="s">
        <v>651</v>
      </c>
      <c r="B31" s="425">
        <v>0</v>
      </c>
      <c r="C31" s="425">
        <v>0</v>
      </c>
      <c r="D31" s="425">
        <v>0</v>
      </c>
      <c r="E31" s="425">
        <v>0</v>
      </c>
      <c r="F31" s="507">
        <v>0</v>
      </c>
      <c r="G31" s="425">
        <v>0</v>
      </c>
      <c r="H31" s="425">
        <v>0</v>
      </c>
      <c r="I31" s="425">
        <v>0</v>
      </c>
      <c r="J31" s="507">
        <v>0</v>
      </c>
      <c r="K31" s="499">
        <v>0</v>
      </c>
      <c r="L31" s="459">
        <v>0</v>
      </c>
    </row>
    <row r="32" spans="1:12" ht="10.5" x14ac:dyDescent="0.2">
      <c r="A32" s="189"/>
      <c r="B32" s="425"/>
      <c r="C32" s="425"/>
      <c r="D32" s="425"/>
      <c r="E32" s="425"/>
      <c r="F32" s="499"/>
      <c r="G32" s="425"/>
      <c r="H32" s="425"/>
      <c r="I32" s="425"/>
      <c r="J32" s="499"/>
      <c r="K32" s="459"/>
      <c r="L32" s="459"/>
    </row>
    <row r="33" spans="1:12" s="66" customFormat="1" ht="10.5" x14ac:dyDescent="0.2">
      <c r="A33" s="142" t="s">
        <v>655</v>
      </c>
      <c r="B33" s="423">
        <v>252376000</v>
      </c>
      <c r="C33" s="423">
        <v>393146606.53999996</v>
      </c>
      <c r="D33" s="423">
        <v>4792998.5499999821</v>
      </c>
      <c r="E33" s="423">
        <v>304506788.45000011</v>
      </c>
      <c r="F33" s="504">
        <v>27.788926403157049</v>
      </c>
      <c r="G33" s="423">
        <v>88639818.089999855</v>
      </c>
      <c r="H33" s="423">
        <v>43224970.340000004</v>
      </c>
      <c r="I33" s="423">
        <v>185126109.21999997</v>
      </c>
      <c r="J33" s="504">
        <v>24.966731519799197</v>
      </c>
      <c r="K33" s="505">
        <v>208020497.31999999</v>
      </c>
      <c r="L33" s="322">
        <v>0</v>
      </c>
    </row>
    <row r="34" spans="1:12" ht="10.5" x14ac:dyDescent="0.2">
      <c r="A34" s="189" t="s">
        <v>656</v>
      </c>
      <c r="B34" s="425">
        <v>252376000</v>
      </c>
      <c r="C34" s="425">
        <v>393146606.53999996</v>
      </c>
      <c r="D34" s="425">
        <v>4792998.5499999821</v>
      </c>
      <c r="E34" s="425">
        <v>304506788.45000011</v>
      </c>
      <c r="F34" s="507">
        <v>27.788926403157049</v>
      </c>
      <c r="G34" s="425">
        <v>88639818.089999855</v>
      </c>
      <c r="H34" s="425">
        <v>43224970.340000004</v>
      </c>
      <c r="I34" s="425">
        <v>185126109.21999997</v>
      </c>
      <c r="J34" s="507">
        <v>24.966731519799197</v>
      </c>
      <c r="K34" s="499">
        <v>208020497.31999999</v>
      </c>
      <c r="L34" s="459">
        <v>0</v>
      </c>
    </row>
    <row r="35" spans="1:12" ht="10.5" x14ac:dyDescent="0.2">
      <c r="A35" s="189"/>
      <c r="B35" s="425"/>
      <c r="C35" s="425"/>
      <c r="D35" s="425"/>
      <c r="E35" s="425"/>
      <c r="F35" s="499"/>
      <c r="G35" s="425"/>
      <c r="H35" s="425"/>
      <c r="I35" s="425"/>
      <c r="J35" s="499"/>
      <c r="K35" s="459"/>
      <c r="L35" s="459"/>
    </row>
    <row r="36" spans="1:12" s="66" customFormat="1" ht="10.5" x14ac:dyDescent="0.2">
      <c r="A36" s="142" t="s">
        <v>658</v>
      </c>
      <c r="B36" s="423">
        <v>5315500</v>
      </c>
      <c r="C36" s="423">
        <v>5318500</v>
      </c>
      <c r="D36" s="423">
        <v>1147699.4500000002</v>
      </c>
      <c r="E36" s="423">
        <v>3676388.8899999997</v>
      </c>
      <c r="F36" s="504">
        <v>0.33550286617130487</v>
      </c>
      <c r="G36" s="423">
        <v>1642111.1100000003</v>
      </c>
      <c r="H36" s="423">
        <v>1147699.4500000002</v>
      </c>
      <c r="I36" s="423">
        <v>3676388.8900000006</v>
      </c>
      <c r="J36" s="504">
        <v>0.49581020616559474</v>
      </c>
      <c r="K36" s="505">
        <v>1642111.1099999994</v>
      </c>
      <c r="L36" s="322">
        <v>0</v>
      </c>
    </row>
    <row r="37" spans="1:12" ht="10.5" x14ac:dyDescent="0.2">
      <c r="A37" s="189" t="s">
        <v>659</v>
      </c>
      <c r="B37" s="425">
        <v>5315500</v>
      </c>
      <c r="C37" s="425">
        <v>5318500</v>
      </c>
      <c r="D37" s="425">
        <v>1147699.4500000002</v>
      </c>
      <c r="E37" s="425">
        <v>3676388.8899999997</v>
      </c>
      <c r="F37" s="507">
        <v>0.33550286617130487</v>
      </c>
      <c r="G37" s="425">
        <v>1642111.1100000003</v>
      </c>
      <c r="H37" s="425">
        <v>1147699.4500000002</v>
      </c>
      <c r="I37" s="425">
        <v>3676388.8900000006</v>
      </c>
      <c r="J37" s="507">
        <v>0.49581020616559474</v>
      </c>
      <c r="K37" s="499">
        <v>1642111.1099999994</v>
      </c>
      <c r="L37" s="459">
        <v>0</v>
      </c>
    </row>
    <row r="38" spans="1:12" ht="10.5" x14ac:dyDescent="0.2">
      <c r="A38" s="189"/>
      <c r="B38" s="425"/>
      <c r="C38" s="425"/>
      <c r="D38" s="425"/>
      <c r="E38" s="425"/>
      <c r="F38" s="499"/>
      <c r="G38" s="425"/>
      <c r="H38" s="425"/>
      <c r="I38" s="425"/>
      <c r="J38" s="499"/>
      <c r="K38" s="459"/>
      <c r="L38" s="459"/>
    </row>
    <row r="39" spans="1:12" s="66" customFormat="1" ht="10.5" x14ac:dyDescent="0.2">
      <c r="A39" s="142" t="s">
        <v>660</v>
      </c>
      <c r="B39" s="423">
        <v>0</v>
      </c>
      <c r="C39" s="423">
        <v>70586.959999999992</v>
      </c>
      <c r="D39" s="423">
        <v>46086.96</v>
      </c>
      <c r="E39" s="423">
        <v>56086.960000000006</v>
      </c>
      <c r="F39" s="504">
        <v>5.1184290883969389E-3</v>
      </c>
      <c r="G39" s="423">
        <v>14499.999999999985</v>
      </c>
      <c r="H39" s="423">
        <v>47825.5</v>
      </c>
      <c r="I39" s="423">
        <v>51301.389999999992</v>
      </c>
      <c r="J39" s="504">
        <v>6.9186784949950087E-3</v>
      </c>
      <c r="K39" s="505">
        <v>19285.57</v>
      </c>
      <c r="L39" s="322">
        <v>0</v>
      </c>
    </row>
    <row r="40" spans="1:12" ht="10.5" x14ac:dyDescent="0.2">
      <c r="A40" s="189" t="s">
        <v>661</v>
      </c>
      <c r="B40" s="425">
        <v>0</v>
      </c>
      <c r="C40" s="425">
        <v>70586.959999999992</v>
      </c>
      <c r="D40" s="425">
        <v>46086.96</v>
      </c>
      <c r="E40" s="425">
        <v>56086.960000000006</v>
      </c>
      <c r="F40" s="507">
        <v>5.1184290883969389E-3</v>
      </c>
      <c r="G40" s="425">
        <v>14499.999999999985</v>
      </c>
      <c r="H40" s="425">
        <v>47825.5</v>
      </c>
      <c r="I40" s="425">
        <v>51301.389999999992</v>
      </c>
      <c r="J40" s="507">
        <v>6.9186784949950087E-3</v>
      </c>
      <c r="K40" s="499">
        <v>19285.57</v>
      </c>
      <c r="L40" s="459">
        <v>0</v>
      </c>
    </row>
    <row r="41" spans="1:12" ht="10.5" x14ac:dyDescent="0.2">
      <c r="A41" s="189"/>
      <c r="B41" s="425"/>
      <c r="C41" s="425"/>
      <c r="D41" s="425"/>
      <c r="E41" s="425"/>
      <c r="F41" s="499"/>
      <c r="G41" s="425"/>
      <c r="H41" s="425"/>
      <c r="I41" s="425"/>
      <c r="J41" s="499"/>
      <c r="K41" s="459"/>
      <c r="L41" s="459"/>
    </row>
    <row r="42" spans="1:12" s="66" customFormat="1" ht="10.5" x14ac:dyDescent="0.2">
      <c r="A42" s="142" t="s">
        <v>662</v>
      </c>
      <c r="B42" s="423">
        <v>22005000</v>
      </c>
      <c r="C42" s="423">
        <v>59835278.310000002</v>
      </c>
      <c r="D42" s="423">
        <v>11005376.43</v>
      </c>
      <c r="E42" s="423">
        <v>49509832.139999986</v>
      </c>
      <c r="F42" s="504">
        <v>4.5182082428255264</v>
      </c>
      <c r="G42" s="423">
        <v>10325446.170000009</v>
      </c>
      <c r="H42" s="423">
        <v>8894659.4299999997</v>
      </c>
      <c r="I42" s="423">
        <v>33540663.760000005</v>
      </c>
      <c r="J42" s="504">
        <v>4.5234070473367387</v>
      </c>
      <c r="K42" s="505">
        <v>26294614.549999993</v>
      </c>
      <c r="L42" s="322">
        <v>0</v>
      </c>
    </row>
    <row r="43" spans="1:12" ht="10.5" x14ac:dyDescent="0.2">
      <c r="A43" s="189" t="s">
        <v>648</v>
      </c>
      <c r="B43" s="425">
        <v>0</v>
      </c>
      <c r="C43" s="425">
        <v>26882851.379999999</v>
      </c>
      <c r="D43" s="425">
        <v>169834.19999999925</v>
      </c>
      <c r="E43" s="425">
        <v>26868485.579999991</v>
      </c>
      <c r="F43" s="507">
        <v>2.4519859545578089</v>
      </c>
      <c r="G43" s="425">
        <v>14365.800000008196</v>
      </c>
      <c r="H43" s="425">
        <v>4571804.8900000006</v>
      </c>
      <c r="I43" s="425">
        <v>17414679.410000004</v>
      </c>
      <c r="J43" s="507">
        <v>2.3486024049484704</v>
      </c>
      <c r="K43" s="499">
        <v>9468171.9699999951</v>
      </c>
      <c r="L43" s="459">
        <v>0</v>
      </c>
    </row>
    <row r="44" spans="1:12" ht="10.5" x14ac:dyDescent="0.2">
      <c r="A44" s="189" t="s">
        <v>652</v>
      </c>
      <c r="B44" s="425">
        <v>0</v>
      </c>
      <c r="C44" s="425">
        <v>0</v>
      </c>
      <c r="D44" s="425">
        <v>0</v>
      </c>
      <c r="E44" s="425">
        <v>0</v>
      </c>
      <c r="F44" s="507">
        <v>0</v>
      </c>
      <c r="G44" s="425">
        <v>0</v>
      </c>
      <c r="H44" s="425">
        <v>0</v>
      </c>
      <c r="I44" s="425">
        <v>0</v>
      </c>
      <c r="J44" s="507">
        <v>0</v>
      </c>
      <c r="K44" s="499">
        <v>0</v>
      </c>
      <c r="L44" s="459">
        <v>0</v>
      </c>
    </row>
    <row r="45" spans="1:12" ht="10.5" x14ac:dyDescent="0.2">
      <c r="A45" s="189" t="s">
        <v>665</v>
      </c>
      <c r="B45" s="425">
        <v>22000000</v>
      </c>
      <c r="C45" s="425">
        <v>32947426.93</v>
      </c>
      <c r="D45" s="425">
        <v>10835542.23</v>
      </c>
      <c r="E45" s="425">
        <v>22641346.559999999</v>
      </c>
      <c r="F45" s="507">
        <v>2.0662222882677175</v>
      </c>
      <c r="G45" s="425">
        <v>10306080.370000001</v>
      </c>
      <c r="H45" s="425">
        <v>4322854.5399999991</v>
      </c>
      <c r="I45" s="425">
        <v>16125984.35</v>
      </c>
      <c r="J45" s="507">
        <v>2.1748046423882683</v>
      </c>
      <c r="K45" s="499">
        <v>16821442.579999998</v>
      </c>
      <c r="L45" s="459">
        <v>0</v>
      </c>
    </row>
    <row r="46" spans="1:12" ht="10.5" x14ac:dyDescent="0.2">
      <c r="A46" s="189" t="s">
        <v>755</v>
      </c>
      <c r="B46" s="425">
        <v>5000</v>
      </c>
      <c r="C46" s="425">
        <v>5000</v>
      </c>
      <c r="D46" s="425">
        <v>0</v>
      </c>
      <c r="E46" s="425">
        <v>0</v>
      </c>
      <c r="F46" s="507">
        <v>0</v>
      </c>
      <c r="G46" s="425">
        <v>5000</v>
      </c>
      <c r="H46" s="425">
        <v>0</v>
      </c>
      <c r="I46" s="425">
        <v>0</v>
      </c>
      <c r="J46" s="507">
        <v>0</v>
      </c>
      <c r="K46" s="499">
        <v>5000</v>
      </c>
      <c r="L46" s="459">
        <v>0</v>
      </c>
    </row>
    <row r="47" spans="1:12" ht="10.5" x14ac:dyDescent="0.2">
      <c r="A47" s="189" t="s">
        <v>667</v>
      </c>
      <c r="B47" s="425">
        <v>0</v>
      </c>
      <c r="C47" s="425">
        <v>0</v>
      </c>
      <c r="D47" s="425">
        <v>0</v>
      </c>
      <c r="E47" s="425">
        <v>0</v>
      </c>
      <c r="F47" s="507">
        <v>0</v>
      </c>
      <c r="G47" s="425">
        <v>0</v>
      </c>
      <c r="H47" s="425">
        <v>0</v>
      </c>
      <c r="I47" s="425">
        <v>0</v>
      </c>
      <c r="J47" s="507">
        <v>0</v>
      </c>
      <c r="K47" s="499">
        <v>0</v>
      </c>
      <c r="L47" s="459">
        <v>0</v>
      </c>
    </row>
    <row r="48" spans="1:12" s="268" customFormat="1" ht="10.5" x14ac:dyDescent="0.2">
      <c r="A48" s="189" t="s">
        <v>799</v>
      </c>
      <c r="B48" s="425">
        <v>0</v>
      </c>
      <c r="C48" s="425">
        <v>0</v>
      </c>
      <c r="D48" s="425">
        <v>0</v>
      </c>
      <c r="E48" s="425">
        <v>0</v>
      </c>
      <c r="F48" s="507">
        <v>0</v>
      </c>
      <c r="G48" s="425">
        <v>0</v>
      </c>
      <c r="H48" s="425">
        <v>0</v>
      </c>
      <c r="I48" s="425">
        <v>0</v>
      </c>
      <c r="J48" s="508">
        <v>0</v>
      </c>
      <c r="K48" s="499">
        <v>0</v>
      </c>
      <c r="L48" s="459">
        <v>0</v>
      </c>
    </row>
    <row r="49" spans="1:12" ht="12.75" x14ac:dyDescent="0.2">
      <c r="A49" s="189"/>
      <c r="B49" s="425"/>
      <c r="C49" s="425"/>
      <c r="D49" s="425"/>
      <c r="E49" s="425"/>
      <c r="F49" s="352"/>
      <c r="G49" s="425"/>
      <c r="H49" s="425"/>
      <c r="I49" s="425"/>
      <c r="J49" s="352"/>
      <c r="K49" s="499"/>
      <c r="L49" s="459"/>
    </row>
    <row r="50" spans="1:12" s="66" customFormat="1" ht="10.5" x14ac:dyDescent="0.2">
      <c r="A50" s="142" t="s">
        <v>663</v>
      </c>
      <c r="B50" s="423">
        <v>797000</v>
      </c>
      <c r="C50" s="423">
        <v>1196966.51</v>
      </c>
      <c r="D50" s="423">
        <v>307617.63</v>
      </c>
      <c r="E50" s="423">
        <v>1021398.8400000002</v>
      </c>
      <c r="F50" s="504">
        <v>9.3211640165751383E-2</v>
      </c>
      <c r="G50" s="423">
        <v>175567.66999999981</v>
      </c>
      <c r="H50" s="423">
        <v>110152.81999999999</v>
      </c>
      <c r="I50" s="423">
        <v>652904.49</v>
      </c>
      <c r="J50" s="504">
        <v>8.8052901768328001E-2</v>
      </c>
      <c r="K50" s="505">
        <v>544062.02</v>
      </c>
      <c r="L50" s="322">
        <v>0</v>
      </c>
    </row>
    <row r="51" spans="1:12" ht="10.5" x14ac:dyDescent="0.2">
      <c r="A51" s="189" t="s">
        <v>749</v>
      </c>
      <c r="B51" s="425">
        <v>797000</v>
      </c>
      <c r="C51" s="425">
        <v>1196966.51</v>
      </c>
      <c r="D51" s="425">
        <v>307617.63</v>
      </c>
      <c r="E51" s="425">
        <v>1021398.8400000002</v>
      </c>
      <c r="F51" s="507">
        <v>9.3211640165751383E-2</v>
      </c>
      <c r="G51" s="425">
        <v>175567.66999999981</v>
      </c>
      <c r="H51" s="425">
        <v>110152.81999999999</v>
      </c>
      <c r="I51" s="425">
        <v>652904.49</v>
      </c>
      <c r="J51" s="507">
        <v>8.8052901768328001E-2</v>
      </c>
      <c r="K51" s="499">
        <v>544062.02</v>
      </c>
      <c r="L51" s="459">
        <v>0</v>
      </c>
    </row>
    <row r="52" spans="1:12" ht="10.5" x14ac:dyDescent="0.2">
      <c r="A52" s="189"/>
      <c r="B52" s="425"/>
      <c r="C52" s="425"/>
      <c r="D52" s="425"/>
      <c r="E52" s="425"/>
      <c r="F52" s="499"/>
      <c r="G52" s="425"/>
      <c r="H52" s="425"/>
      <c r="I52" s="425"/>
      <c r="J52" s="499"/>
      <c r="K52" s="459"/>
      <c r="L52" s="459"/>
    </row>
    <row r="53" spans="1:12" s="66" customFormat="1" ht="10.5" x14ac:dyDescent="0.2">
      <c r="A53" s="142" t="s">
        <v>679</v>
      </c>
      <c r="B53" s="423">
        <v>220126800</v>
      </c>
      <c r="C53" s="423">
        <v>338346997.74000001</v>
      </c>
      <c r="D53" s="423">
        <v>-10218766.230000004</v>
      </c>
      <c r="E53" s="423">
        <v>318694121.44999999</v>
      </c>
      <c r="F53" s="504">
        <v>29.083645494973993</v>
      </c>
      <c r="G53" s="423">
        <v>19652876.290000021</v>
      </c>
      <c r="H53" s="423">
        <v>49761347.369999997</v>
      </c>
      <c r="I53" s="423">
        <v>220732766.46999997</v>
      </c>
      <c r="J53" s="504">
        <v>29.768765417793634</v>
      </c>
      <c r="K53" s="505">
        <v>117614231.27000004</v>
      </c>
      <c r="L53" s="322">
        <v>0</v>
      </c>
    </row>
    <row r="54" spans="1:12" ht="10.5" x14ac:dyDescent="0.2">
      <c r="A54" s="188" t="s">
        <v>648</v>
      </c>
      <c r="B54" s="425">
        <v>220126800</v>
      </c>
      <c r="C54" s="425">
        <v>338346997.74000001</v>
      </c>
      <c r="D54" s="425">
        <v>-10218766.230000004</v>
      </c>
      <c r="E54" s="425">
        <v>318694121.44999999</v>
      </c>
      <c r="F54" s="507">
        <v>29.083645494973993</v>
      </c>
      <c r="G54" s="425">
        <v>19652876.290000021</v>
      </c>
      <c r="H54" s="425">
        <v>49761347.369999997</v>
      </c>
      <c r="I54" s="425">
        <v>220732766.46999997</v>
      </c>
      <c r="J54" s="507">
        <v>29.768765417793634</v>
      </c>
      <c r="K54" s="499">
        <v>117614231.27000004</v>
      </c>
      <c r="L54" s="459">
        <v>0</v>
      </c>
    </row>
    <row r="55" spans="1:12" ht="10.5" x14ac:dyDescent="0.2">
      <c r="A55" s="189" t="s">
        <v>672</v>
      </c>
      <c r="B55" s="425">
        <v>0</v>
      </c>
      <c r="C55" s="425">
        <v>0</v>
      </c>
      <c r="D55" s="425">
        <v>0</v>
      </c>
      <c r="E55" s="425">
        <v>0</v>
      </c>
      <c r="F55" s="507">
        <v>0</v>
      </c>
      <c r="G55" s="425">
        <v>0</v>
      </c>
      <c r="H55" s="425">
        <v>0</v>
      </c>
      <c r="I55" s="425">
        <v>0</v>
      </c>
      <c r="J55" s="507">
        <v>0</v>
      </c>
      <c r="K55" s="499">
        <v>0</v>
      </c>
      <c r="L55" s="459">
        <v>0</v>
      </c>
    </row>
    <row r="56" spans="1:12" ht="10.5" x14ac:dyDescent="0.2">
      <c r="A56" s="189" t="s">
        <v>747</v>
      </c>
      <c r="B56" s="425">
        <v>0</v>
      </c>
      <c r="C56" s="425">
        <v>0</v>
      </c>
      <c r="D56" s="425">
        <v>0</v>
      </c>
      <c r="E56" s="425">
        <v>0</v>
      </c>
      <c r="F56" s="507">
        <v>0</v>
      </c>
      <c r="G56" s="425">
        <v>0</v>
      </c>
      <c r="H56" s="425">
        <v>0</v>
      </c>
      <c r="I56" s="425">
        <v>0</v>
      </c>
      <c r="J56" s="507">
        <v>0</v>
      </c>
      <c r="K56" s="499">
        <v>0</v>
      </c>
      <c r="L56" s="459">
        <v>0</v>
      </c>
    </row>
    <row r="57" spans="1:12" ht="10.5" x14ac:dyDescent="0.2">
      <c r="A57" s="413" t="s">
        <v>677</v>
      </c>
      <c r="B57" s="425">
        <v>0</v>
      </c>
      <c r="C57" s="425">
        <v>0</v>
      </c>
      <c r="D57" s="425">
        <v>0</v>
      </c>
      <c r="E57" s="425">
        <v>0</v>
      </c>
      <c r="F57" s="323">
        <v>0</v>
      </c>
      <c r="G57" s="425">
        <v>0</v>
      </c>
      <c r="H57" s="425">
        <v>0</v>
      </c>
      <c r="I57" s="425">
        <v>0</v>
      </c>
      <c r="J57" s="323">
        <v>0</v>
      </c>
      <c r="K57" s="499">
        <v>0</v>
      </c>
      <c r="L57" s="459">
        <v>0</v>
      </c>
    </row>
    <row r="58" spans="1:12" s="268" customFormat="1" ht="10.5" x14ac:dyDescent="0.2">
      <c r="A58" s="413"/>
      <c r="B58" s="425"/>
      <c r="C58" s="425"/>
      <c r="D58" s="425"/>
      <c r="E58" s="425"/>
      <c r="F58" s="499"/>
      <c r="G58" s="425"/>
      <c r="H58" s="425"/>
      <c r="I58" s="425"/>
      <c r="J58" s="499"/>
      <c r="K58" s="459"/>
      <c r="L58" s="459"/>
    </row>
    <row r="59" spans="1:12" s="66" customFormat="1" ht="10.5" x14ac:dyDescent="0.2">
      <c r="A59" s="142" t="s">
        <v>680</v>
      </c>
      <c r="B59" s="423">
        <v>1081000</v>
      </c>
      <c r="C59" s="423">
        <v>1315630</v>
      </c>
      <c r="D59" s="423">
        <v>3476.7900000000081</v>
      </c>
      <c r="E59" s="423">
        <v>993013.47</v>
      </c>
      <c r="F59" s="504">
        <v>9.0621225147841503E-2</v>
      </c>
      <c r="G59" s="423">
        <v>322616.53000000003</v>
      </c>
      <c r="H59" s="423">
        <v>203580.62</v>
      </c>
      <c r="I59" s="423">
        <v>709499.82000000007</v>
      </c>
      <c r="J59" s="504">
        <v>9.5685538868183317E-2</v>
      </c>
      <c r="K59" s="505">
        <v>606130.17999999993</v>
      </c>
      <c r="L59" s="322">
        <v>0</v>
      </c>
    </row>
    <row r="60" spans="1:12" ht="10.5" x14ac:dyDescent="0.2">
      <c r="A60" s="189" t="s">
        <v>681</v>
      </c>
      <c r="B60" s="425">
        <v>1081000</v>
      </c>
      <c r="C60" s="425">
        <v>1315630</v>
      </c>
      <c r="D60" s="425">
        <v>3476.7900000000081</v>
      </c>
      <c r="E60" s="425">
        <v>993013.47</v>
      </c>
      <c r="F60" s="507">
        <v>9.0621225147841503E-2</v>
      </c>
      <c r="G60" s="425">
        <v>322616.53000000003</v>
      </c>
      <c r="H60" s="425">
        <v>203580.62</v>
      </c>
      <c r="I60" s="425">
        <v>709499.82000000007</v>
      </c>
      <c r="J60" s="507">
        <v>9.5685538868183317E-2</v>
      </c>
      <c r="K60" s="499">
        <v>606130.17999999993</v>
      </c>
      <c r="L60" s="459">
        <v>0</v>
      </c>
    </row>
    <row r="61" spans="1:12" ht="10.5" x14ac:dyDescent="0.2">
      <c r="A61" s="189"/>
      <c r="B61" s="425"/>
      <c r="C61" s="425"/>
      <c r="D61" s="425"/>
      <c r="E61" s="425"/>
      <c r="F61" s="499"/>
      <c r="G61" s="425"/>
      <c r="H61" s="425"/>
      <c r="I61" s="425"/>
      <c r="J61" s="499"/>
      <c r="K61" s="459"/>
      <c r="L61" s="459"/>
    </row>
    <row r="62" spans="1:12" s="66" customFormat="1" ht="10.5" x14ac:dyDescent="0.2">
      <c r="A62" s="142" t="s">
        <v>682</v>
      </c>
      <c r="B62" s="423">
        <v>7917500</v>
      </c>
      <c r="C62" s="423">
        <v>27743392.949999999</v>
      </c>
      <c r="D62" s="423">
        <v>707160.32999999973</v>
      </c>
      <c r="E62" s="423">
        <v>15686574.02</v>
      </c>
      <c r="F62" s="504">
        <v>1.4315380395239765</v>
      </c>
      <c r="G62" s="423">
        <v>12056818.93</v>
      </c>
      <c r="H62" s="423">
        <v>3747615.57</v>
      </c>
      <c r="I62" s="423">
        <v>15522390.309999999</v>
      </c>
      <c r="J62" s="504">
        <v>2.0934019142310945</v>
      </c>
      <c r="K62" s="505">
        <v>12221002.640000001</v>
      </c>
      <c r="L62" s="322">
        <v>0</v>
      </c>
    </row>
    <row r="63" spans="1:12" ht="10.5" x14ac:dyDescent="0.2">
      <c r="A63" s="189" t="s">
        <v>653</v>
      </c>
      <c r="B63" s="425">
        <v>408500</v>
      </c>
      <c r="C63" s="425">
        <v>441500</v>
      </c>
      <c r="D63" s="425">
        <v>41653.9</v>
      </c>
      <c r="E63" s="425">
        <v>416891</v>
      </c>
      <c r="F63" s="507">
        <v>3.8044975536040603E-2</v>
      </c>
      <c r="G63" s="425">
        <v>24609</v>
      </c>
      <c r="H63" s="425">
        <v>64958.27</v>
      </c>
      <c r="I63" s="425">
        <v>253543.67999999999</v>
      </c>
      <c r="J63" s="507">
        <v>3.4193755887664962E-2</v>
      </c>
      <c r="K63" s="499">
        <v>187956.32</v>
      </c>
      <c r="L63" s="459">
        <v>0</v>
      </c>
    </row>
    <row r="64" spans="1:12" ht="10.5" x14ac:dyDescent="0.2">
      <c r="A64" s="45" t="s">
        <v>683</v>
      </c>
      <c r="B64" s="425">
        <v>7509000</v>
      </c>
      <c r="C64" s="425">
        <v>27301892.949999999</v>
      </c>
      <c r="D64" s="425">
        <v>665506.4299999997</v>
      </c>
      <c r="E64" s="425">
        <v>15269683.02</v>
      </c>
      <c r="F64" s="507">
        <v>1.3934930639879359</v>
      </c>
      <c r="G64" s="425">
        <v>12032209.93</v>
      </c>
      <c r="H64" s="425">
        <v>3682657.3</v>
      </c>
      <c r="I64" s="425">
        <v>15268846.629999999</v>
      </c>
      <c r="J64" s="507">
        <v>2.0592081583434294</v>
      </c>
      <c r="K64" s="499">
        <v>12033046.32</v>
      </c>
      <c r="L64" s="459">
        <v>0</v>
      </c>
    </row>
    <row r="65" spans="1:12" ht="10.5" x14ac:dyDescent="0.2">
      <c r="A65" s="189" t="s">
        <v>684</v>
      </c>
      <c r="B65" s="425">
        <v>0</v>
      </c>
      <c r="C65" s="425">
        <v>0</v>
      </c>
      <c r="D65" s="425">
        <v>0</v>
      </c>
      <c r="E65" s="425">
        <v>0</v>
      </c>
      <c r="F65" s="507">
        <v>0</v>
      </c>
      <c r="G65" s="425">
        <v>0</v>
      </c>
      <c r="H65" s="425">
        <v>0</v>
      </c>
      <c r="I65" s="425">
        <v>0</v>
      </c>
      <c r="J65" s="507">
        <v>0</v>
      </c>
      <c r="K65" s="499">
        <v>0</v>
      </c>
      <c r="L65" s="459">
        <v>0</v>
      </c>
    </row>
    <row r="66" spans="1:12" ht="10.5" x14ac:dyDescent="0.2">
      <c r="A66" s="189"/>
      <c r="B66" s="425"/>
      <c r="C66" s="425"/>
      <c r="D66" s="425"/>
      <c r="E66" s="425"/>
      <c r="F66" s="499"/>
      <c r="G66" s="425"/>
      <c r="H66" s="425"/>
      <c r="I66" s="425"/>
      <c r="J66" s="499"/>
      <c r="K66" s="459"/>
      <c r="L66" s="459"/>
    </row>
    <row r="67" spans="1:12" s="66" customFormat="1" ht="10.5" x14ac:dyDescent="0.2">
      <c r="A67" s="142" t="s">
        <v>689</v>
      </c>
      <c r="B67" s="423">
        <v>593500</v>
      </c>
      <c r="C67" s="423">
        <v>1181800</v>
      </c>
      <c r="D67" s="423">
        <v>415426.27</v>
      </c>
      <c r="E67" s="423">
        <v>955876.2699999999</v>
      </c>
      <c r="F67" s="504">
        <v>8.7232128560299313E-2</v>
      </c>
      <c r="G67" s="423">
        <v>225923.7300000001</v>
      </c>
      <c r="H67" s="423">
        <v>155943.71</v>
      </c>
      <c r="I67" s="423">
        <v>551148.17000000004</v>
      </c>
      <c r="J67" s="504">
        <v>7.4329701229047682E-2</v>
      </c>
      <c r="K67" s="505">
        <v>630651.82999999996</v>
      </c>
      <c r="L67" s="322">
        <v>0</v>
      </c>
    </row>
    <row r="68" spans="1:12" ht="10.5" x14ac:dyDescent="0.2">
      <c r="A68" s="189" t="s">
        <v>648</v>
      </c>
      <c r="B68" s="425">
        <v>593500</v>
      </c>
      <c r="C68" s="425">
        <v>1181800</v>
      </c>
      <c r="D68" s="425">
        <v>415426.27</v>
      </c>
      <c r="E68" s="425">
        <v>955876.2699999999</v>
      </c>
      <c r="F68" s="507">
        <v>8.7232128560299313E-2</v>
      </c>
      <c r="G68" s="425">
        <v>225923.7300000001</v>
      </c>
      <c r="H68" s="425">
        <v>155943.71</v>
      </c>
      <c r="I68" s="425">
        <v>551148.17000000004</v>
      </c>
      <c r="J68" s="507">
        <v>7.4329701229047682E-2</v>
      </c>
      <c r="K68" s="499">
        <v>630651.82999999996</v>
      </c>
      <c r="L68" s="459">
        <v>0</v>
      </c>
    </row>
    <row r="69" spans="1:12" ht="10.5" x14ac:dyDescent="0.2">
      <c r="A69" s="189" t="s">
        <v>690</v>
      </c>
      <c r="B69" s="425">
        <v>0</v>
      </c>
      <c r="C69" s="425">
        <v>0</v>
      </c>
      <c r="D69" s="425">
        <v>0</v>
      </c>
      <c r="E69" s="425">
        <v>0</v>
      </c>
      <c r="F69" s="507">
        <v>0</v>
      </c>
      <c r="G69" s="425">
        <v>0</v>
      </c>
      <c r="H69" s="425">
        <v>0</v>
      </c>
      <c r="I69" s="425">
        <v>0</v>
      </c>
      <c r="J69" s="507">
        <v>0</v>
      </c>
      <c r="K69" s="499">
        <v>0</v>
      </c>
      <c r="L69" s="459">
        <v>0</v>
      </c>
    </row>
    <row r="70" spans="1:12" ht="10.5" x14ac:dyDescent="0.2">
      <c r="A70" s="189"/>
      <c r="B70" s="425"/>
      <c r="C70" s="425"/>
      <c r="D70" s="425"/>
      <c r="E70" s="425"/>
      <c r="F70" s="499"/>
      <c r="G70" s="425"/>
      <c r="H70" s="425"/>
      <c r="I70" s="425"/>
      <c r="J70" s="499"/>
      <c r="K70" s="459"/>
      <c r="L70" s="459"/>
    </row>
    <row r="71" spans="1:12" s="66" customFormat="1" ht="10.5" x14ac:dyDescent="0.2">
      <c r="A71" s="142" t="s">
        <v>693</v>
      </c>
      <c r="B71" s="423">
        <v>6387700</v>
      </c>
      <c r="C71" s="423">
        <v>7506404.9500000002</v>
      </c>
      <c r="D71" s="423">
        <v>637080.56999999995</v>
      </c>
      <c r="E71" s="423">
        <v>2508822.3100000005</v>
      </c>
      <c r="F71" s="504">
        <v>0.22895213235167683</v>
      </c>
      <c r="G71" s="423">
        <v>4997582.6399999997</v>
      </c>
      <c r="H71" s="423">
        <v>653030.76</v>
      </c>
      <c r="I71" s="423">
        <v>2502805.9299999997</v>
      </c>
      <c r="J71" s="504">
        <v>0.33753684968452091</v>
      </c>
      <c r="K71" s="505">
        <v>5003599.0200000005</v>
      </c>
      <c r="L71" s="322">
        <v>0</v>
      </c>
    </row>
    <row r="72" spans="1:12" ht="10.5" x14ac:dyDescent="0.2">
      <c r="A72" s="412" t="s">
        <v>648</v>
      </c>
      <c r="B72" s="425">
        <v>6387700</v>
      </c>
      <c r="C72" s="425">
        <v>7506404.9500000002</v>
      </c>
      <c r="D72" s="425">
        <v>637080.56999999995</v>
      </c>
      <c r="E72" s="425">
        <v>2508822.3100000005</v>
      </c>
      <c r="F72" s="507">
        <v>0.22895213235167683</v>
      </c>
      <c r="G72" s="425">
        <v>4997582.6399999997</v>
      </c>
      <c r="H72" s="425">
        <v>653030.76</v>
      </c>
      <c r="I72" s="425">
        <v>2502805.9299999997</v>
      </c>
      <c r="J72" s="507">
        <v>0.33753684968452091</v>
      </c>
      <c r="K72" s="499">
        <v>5003599.0200000005</v>
      </c>
      <c r="L72" s="459">
        <v>0</v>
      </c>
    </row>
    <row r="73" spans="1:12" ht="10.5" x14ac:dyDescent="0.2">
      <c r="A73" s="189"/>
      <c r="B73" s="425"/>
      <c r="C73" s="425"/>
      <c r="D73" s="425"/>
      <c r="E73" s="425"/>
      <c r="F73" s="499"/>
      <c r="G73" s="425"/>
      <c r="H73" s="425"/>
      <c r="I73" s="425"/>
      <c r="J73" s="499"/>
      <c r="K73" s="459"/>
      <c r="L73" s="459"/>
    </row>
    <row r="74" spans="1:12" s="66" customFormat="1" ht="10.5" x14ac:dyDescent="0.2">
      <c r="A74" s="142" t="s">
        <v>699</v>
      </c>
      <c r="B74" s="423">
        <v>0</v>
      </c>
      <c r="C74" s="423">
        <v>0</v>
      </c>
      <c r="D74" s="423">
        <v>0</v>
      </c>
      <c r="E74" s="423">
        <v>0</v>
      </c>
      <c r="F74" s="504">
        <v>0</v>
      </c>
      <c r="G74" s="423">
        <v>0</v>
      </c>
      <c r="H74" s="423">
        <v>0</v>
      </c>
      <c r="I74" s="423">
        <v>0</v>
      </c>
      <c r="J74" s="504">
        <v>0</v>
      </c>
      <c r="K74" s="505">
        <v>0</v>
      </c>
      <c r="L74" s="322">
        <v>0</v>
      </c>
    </row>
    <row r="75" spans="1:12" ht="10.5" x14ac:dyDescent="0.2">
      <c r="A75" s="189" t="s">
        <v>700</v>
      </c>
      <c r="B75" s="425">
        <v>0</v>
      </c>
      <c r="C75" s="425"/>
      <c r="D75" s="425">
        <v>0</v>
      </c>
      <c r="E75" s="425">
        <v>0</v>
      </c>
      <c r="F75" s="507">
        <v>0</v>
      </c>
      <c r="G75" s="425">
        <v>0</v>
      </c>
      <c r="H75" s="425">
        <v>0</v>
      </c>
      <c r="I75" s="425">
        <v>0</v>
      </c>
      <c r="J75" s="507">
        <v>0</v>
      </c>
      <c r="K75" s="499">
        <v>0</v>
      </c>
      <c r="L75" s="459">
        <v>0</v>
      </c>
    </row>
    <row r="76" spans="1:12" ht="10.5" x14ac:dyDescent="0.2">
      <c r="A76" s="189"/>
      <c r="B76" s="425"/>
      <c r="C76" s="425"/>
      <c r="D76" s="425"/>
      <c r="E76" s="425"/>
      <c r="F76" s="499"/>
      <c r="G76" s="425"/>
      <c r="H76" s="425"/>
      <c r="I76" s="425"/>
      <c r="J76" s="499"/>
      <c r="K76" s="459"/>
      <c r="L76" s="459"/>
    </row>
    <row r="77" spans="1:12" s="66" customFormat="1" ht="10.5" x14ac:dyDescent="0.2">
      <c r="A77" s="142" t="s">
        <v>703</v>
      </c>
      <c r="B77" s="423">
        <v>27130700</v>
      </c>
      <c r="C77" s="423">
        <v>22420819.16</v>
      </c>
      <c r="D77" s="423">
        <v>-3.0000000260770321E-2</v>
      </c>
      <c r="E77" s="423">
        <v>19114681.859999996</v>
      </c>
      <c r="F77" s="504">
        <v>1.744383073136381</v>
      </c>
      <c r="G77" s="423">
        <v>3306137.3000000045</v>
      </c>
      <c r="H77" s="423">
        <v>3782839.7</v>
      </c>
      <c r="I77" s="423">
        <v>13753739.719999999</v>
      </c>
      <c r="J77" s="504">
        <v>1.8548757300050285</v>
      </c>
      <c r="K77" s="505">
        <v>8667079.4400000013</v>
      </c>
      <c r="L77" s="322">
        <v>0</v>
      </c>
    </row>
    <row r="78" spans="1:12" ht="10.5" x14ac:dyDescent="0.2">
      <c r="A78" s="189" t="s">
        <v>648</v>
      </c>
      <c r="B78" s="425">
        <v>27130700</v>
      </c>
      <c r="C78" s="425">
        <v>22420819.16</v>
      </c>
      <c r="D78" s="425">
        <v>-3.0000000260770321E-2</v>
      </c>
      <c r="E78" s="425">
        <v>19114681.859999996</v>
      </c>
      <c r="F78" s="507">
        <v>1.744383073136381</v>
      </c>
      <c r="G78" s="425">
        <v>3306137.3000000045</v>
      </c>
      <c r="H78" s="425">
        <v>3782839.7</v>
      </c>
      <c r="I78" s="425">
        <v>13753739.719999999</v>
      </c>
      <c r="J78" s="507">
        <v>1.8548757300050285</v>
      </c>
      <c r="K78" s="499">
        <v>8667079.4400000013</v>
      </c>
      <c r="L78" s="459">
        <v>0</v>
      </c>
    </row>
    <row r="79" spans="1:12" ht="10.5" x14ac:dyDescent="0.2">
      <c r="A79" s="189"/>
      <c r="B79" s="425"/>
      <c r="C79" s="425"/>
      <c r="D79" s="425"/>
      <c r="E79" s="425"/>
      <c r="F79" s="499"/>
      <c r="G79" s="425"/>
      <c r="H79" s="425"/>
      <c r="I79" s="425"/>
      <c r="J79" s="499"/>
      <c r="K79" s="459"/>
      <c r="L79" s="459"/>
    </row>
    <row r="80" spans="1:12" s="66" customFormat="1" ht="10.5" x14ac:dyDescent="0.2">
      <c r="A80" s="142" t="s">
        <v>711</v>
      </c>
      <c r="B80" s="423">
        <v>2184500</v>
      </c>
      <c r="C80" s="423">
        <v>2149892.14</v>
      </c>
      <c r="D80" s="423">
        <v>0</v>
      </c>
      <c r="E80" s="423">
        <v>1804541.6600000006</v>
      </c>
      <c r="F80" s="504">
        <v>0.16468032005600056</v>
      </c>
      <c r="G80" s="423">
        <v>345350.4799999994</v>
      </c>
      <c r="H80" s="423">
        <v>352907.63</v>
      </c>
      <c r="I80" s="423">
        <v>1189211.52</v>
      </c>
      <c r="J80" s="504">
        <v>0.16038107679780855</v>
      </c>
      <c r="K80" s="505">
        <v>960680.62</v>
      </c>
      <c r="L80" s="322">
        <v>0</v>
      </c>
    </row>
    <row r="81" spans="1:12" ht="10.5" x14ac:dyDescent="0.2">
      <c r="A81" s="189" t="s">
        <v>710</v>
      </c>
      <c r="B81" s="425">
        <v>995500</v>
      </c>
      <c r="C81" s="425">
        <v>1161700</v>
      </c>
      <c r="D81" s="425">
        <v>0</v>
      </c>
      <c r="E81" s="425">
        <v>991950.70000000007</v>
      </c>
      <c r="F81" s="507">
        <v>9.0524238024947426E-2</v>
      </c>
      <c r="G81" s="425">
        <v>169749.29999999993</v>
      </c>
      <c r="H81" s="425">
        <v>173431.03</v>
      </c>
      <c r="I81" s="425">
        <v>624870.74</v>
      </c>
      <c r="J81" s="507">
        <v>8.4272175685485673E-2</v>
      </c>
      <c r="K81" s="499">
        <v>536829.26</v>
      </c>
      <c r="L81" s="459">
        <v>0</v>
      </c>
    </row>
    <row r="82" spans="1:12" ht="10.5" x14ac:dyDescent="0.2">
      <c r="A82" s="189" t="s">
        <v>712</v>
      </c>
      <c r="B82" s="425">
        <v>1189000</v>
      </c>
      <c r="C82" s="425">
        <v>988192.14</v>
      </c>
      <c r="D82" s="425">
        <v>0</v>
      </c>
      <c r="E82" s="425">
        <v>812590.96000000054</v>
      </c>
      <c r="F82" s="507">
        <v>7.415608203105313E-2</v>
      </c>
      <c r="G82" s="425">
        <v>175601.17999999947</v>
      </c>
      <c r="H82" s="425">
        <v>179476.6</v>
      </c>
      <c r="I82" s="425">
        <v>564340.78</v>
      </c>
      <c r="J82" s="507">
        <v>7.610890111232288E-2</v>
      </c>
      <c r="K82" s="499">
        <v>423851.36</v>
      </c>
      <c r="L82" s="459">
        <v>0</v>
      </c>
    </row>
    <row r="83" spans="1:12" ht="10.5" x14ac:dyDescent="0.2">
      <c r="A83" s="189" t="s">
        <v>713</v>
      </c>
      <c r="B83" s="425">
        <v>0</v>
      </c>
      <c r="C83" s="425">
        <v>0</v>
      </c>
      <c r="D83" s="425">
        <v>0</v>
      </c>
      <c r="E83" s="425">
        <v>0</v>
      </c>
      <c r="F83" s="507">
        <v>0</v>
      </c>
      <c r="G83" s="425">
        <v>0</v>
      </c>
      <c r="H83" s="425">
        <v>0</v>
      </c>
      <c r="I83" s="425">
        <v>0</v>
      </c>
      <c r="J83" s="507">
        <v>0</v>
      </c>
      <c r="K83" s="499">
        <v>0</v>
      </c>
      <c r="L83" s="459">
        <v>0</v>
      </c>
    </row>
    <row r="84" spans="1:12" ht="10.5" x14ac:dyDescent="0.2">
      <c r="A84" s="189"/>
      <c r="B84" s="425"/>
      <c r="C84" s="425"/>
      <c r="D84" s="425"/>
      <c r="E84" s="425"/>
      <c r="F84" s="499"/>
      <c r="G84" s="425"/>
      <c r="H84" s="425"/>
      <c r="I84" s="425"/>
      <c r="J84" s="499"/>
      <c r="K84" s="459"/>
      <c r="L84" s="459"/>
    </row>
    <row r="85" spans="1:12" s="66" customFormat="1" ht="10.5" x14ac:dyDescent="0.2">
      <c r="A85" s="142" t="s">
        <v>756</v>
      </c>
      <c r="B85" s="423">
        <v>649800</v>
      </c>
      <c r="C85" s="423">
        <v>649800</v>
      </c>
      <c r="D85" s="423">
        <v>0</v>
      </c>
      <c r="E85" s="423">
        <v>0</v>
      </c>
      <c r="F85" s="504">
        <v>0</v>
      </c>
      <c r="G85" s="423">
        <v>649800</v>
      </c>
      <c r="H85" s="423">
        <v>0</v>
      </c>
      <c r="I85" s="423">
        <v>0</v>
      </c>
      <c r="J85" s="504">
        <v>0</v>
      </c>
      <c r="K85" s="505">
        <v>649800</v>
      </c>
      <c r="L85" s="322">
        <v>0</v>
      </c>
    </row>
    <row r="86" spans="1:12" ht="10.5" x14ac:dyDescent="0.2">
      <c r="A86" s="189" t="s">
        <v>710</v>
      </c>
      <c r="B86" s="425">
        <v>649800</v>
      </c>
      <c r="C86" s="425">
        <v>649800</v>
      </c>
      <c r="D86" s="425">
        <v>0</v>
      </c>
      <c r="E86" s="425">
        <v>0</v>
      </c>
      <c r="F86" s="507">
        <v>0</v>
      </c>
      <c r="G86" s="425">
        <v>649800</v>
      </c>
      <c r="H86" s="425">
        <v>0</v>
      </c>
      <c r="I86" s="425">
        <v>0</v>
      </c>
      <c r="J86" s="507">
        <v>0</v>
      </c>
      <c r="K86" s="499">
        <v>649800</v>
      </c>
      <c r="L86" s="459">
        <v>0</v>
      </c>
    </row>
    <row r="87" spans="1:12" ht="10.5" x14ac:dyDescent="0.2">
      <c r="A87" s="189"/>
      <c r="B87" s="425"/>
      <c r="C87" s="425"/>
      <c r="D87" s="425"/>
      <c r="E87" s="425"/>
      <c r="F87" s="499"/>
      <c r="G87" s="425"/>
      <c r="H87" s="425"/>
      <c r="I87" s="425"/>
      <c r="J87" s="499"/>
      <c r="K87" s="459"/>
      <c r="L87" s="459"/>
    </row>
    <row r="88" spans="1:12" s="66" customFormat="1" ht="10.5" x14ac:dyDescent="0.2">
      <c r="A88" s="142" t="s">
        <v>717</v>
      </c>
      <c r="B88" s="423">
        <v>26070000</v>
      </c>
      <c r="C88" s="423">
        <v>24563469</v>
      </c>
      <c r="D88" s="423">
        <v>7000.0000000002328</v>
      </c>
      <c r="E88" s="423">
        <v>15576310.989999996</v>
      </c>
      <c r="F88" s="504">
        <v>1.4214755668899313</v>
      </c>
      <c r="G88" s="423">
        <v>8987158.0100000035</v>
      </c>
      <c r="H88" s="423">
        <v>2657628.75</v>
      </c>
      <c r="I88" s="423">
        <v>10486355.100000001</v>
      </c>
      <c r="J88" s="504">
        <v>1.4142252192630893</v>
      </c>
      <c r="K88" s="505">
        <v>14077113.899999999</v>
      </c>
      <c r="L88" s="322">
        <v>0</v>
      </c>
    </row>
    <row r="89" spans="1:12" ht="10.5" x14ac:dyDescent="0.2">
      <c r="A89" s="189" t="s">
        <v>648</v>
      </c>
      <c r="B89" s="425">
        <v>26070000</v>
      </c>
      <c r="C89" s="425">
        <v>24563469</v>
      </c>
      <c r="D89" s="425">
        <v>7000.0000000002328</v>
      </c>
      <c r="E89" s="425">
        <v>15576310.989999996</v>
      </c>
      <c r="F89" s="507">
        <v>1.4214755668899313</v>
      </c>
      <c r="G89" s="425">
        <v>8987158.0100000035</v>
      </c>
      <c r="H89" s="425">
        <v>2657628.75</v>
      </c>
      <c r="I89" s="425">
        <v>10486355.100000001</v>
      </c>
      <c r="J89" s="507">
        <v>1.4142252192630893</v>
      </c>
      <c r="K89" s="499">
        <v>14077113.899999999</v>
      </c>
      <c r="L89" s="459">
        <v>0</v>
      </c>
    </row>
    <row r="90" spans="1:12" s="187" customFormat="1" ht="10.5" x14ac:dyDescent="0.2">
      <c r="A90" s="189"/>
      <c r="B90" s="425"/>
      <c r="C90" s="425"/>
      <c r="D90" s="425"/>
      <c r="E90" s="425"/>
      <c r="F90" s="499"/>
      <c r="G90" s="425"/>
      <c r="H90" s="425"/>
      <c r="I90" s="425"/>
      <c r="J90" s="499"/>
      <c r="K90" s="459"/>
      <c r="L90" s="459"/>
    </row>
    <row r="91" spans="1:12" s="66" customFormat="1" ht="10.5" x14ac:dyDescent="0.2">
      <c r="A91" s="142" t="s">
        <v>722</v>
      </c>
      <c r="B91" s="423">
        <v>103000</v>
      </c>
      <c r="C91" s="423">
        <v>148848.13</v>
      </c>
      <c r="D91" s="423">
        <v>0</v>
      </c>
      <c r="E91" s="423">
        <v>102498.63</v>
      </c>
      <c r="F91" s="504">
        <v>9.353902748746503E-3</v>
      </c>
      <c r="G91" s="423">
        <v>46349.5</v>
      </c>
      <c r="H91" s="423">
        <v>22022.239999999998</v>
      </c>
      <c r="I91" s="423">
        <v>67413.61</v>
      </c>
      <c r="J91" s="504">
        <v>9.0916268307151236E-3</v>
      </c>
      <c r="K91" s="505">
        <v>81434.52</v>
      </c>
      <c r="L91" s="322">
        <v>0</v>
      </c>
    </row>
    <row r="92" spans="1:12" ht="10.5" x14ac:dyDescent="0.2">
      <c r="A92" s="189" t="s">
        <v>723</v>
      </c>
      <c r="B92" s="425">
        <v>40000</v>
      </c>
      <c r="C92" s="425">
        <v>40000</v>
      </c>
      <c r="D92" s="425">
        <v>0</v>
      </c>
      <c r="E92" s="425">
        <v>0</v>
      </c>
      <c r="F92" s="507">
        <v>0</v>
      </c>
      <c r="G92" s="425">
        <v>40000</v>
      </c>
      <c r="H92" s="425">
        <v>0</v>
      </c>
      <c r="I92" s="425">
        <v>0</v>
      </c>
      <c r="J92" s="507">
        <v>0</v>
      </c>
      <c r="K92" s="499">
        <v>40000</v>
      </c>
      <c r="L92" s="459">
        <v>0</v>
      </c>
    </row>
    <row r="93" spans="1:12" ht="10.5" x14ac:dyDescent="0.2">
      <c r="A93" s="189" t="s">
        <v>724</v>
      </c>
      <c r="B93" s="425">
        <v>63000</v>
      </c>
      <c r="C93" s="425">
        <v>108848.13</v>
      </c>
      <c r="D93" s="425">
        <v>0</v>
      </c>
      <c r="E93" s="425">
        <v>102498.63</v>
      </c>
      <c r="F93" s="507">
        <v>9.353902748746503E-3</v>
      </c>
      <c r="G93" s="425">
        <v>6349.5</v>
      </c>
      <c r="H93" s="425">
        <v>22022.239999999998</v>
      </c>
      <c r="I93" s="425">
        <v>67413.61</v>
      </c>
      <c r="J93" s="507">
        <v>9.0916268307151236E-3</v>
      </c>
      <c r="K93" s="499">
        <v>41434.520000000004</v>
      </c>
      <c r="L93" s="459">
        <v>0</v>
      </c>
    </row>
    <row r="94" spans="1:12" ht="10.5" x14ac:dyDescent="0.2">
      <c r="A94" s="189"/>
      <c r="B94" s="425"/>
      <c r="C94" s="425"/>
      <c r="D94" s="425"/>
      <c r="E94" s="425"/>
      <c r="F94" s="499"/>
      <c r="G94" s="425"/>
      <c r="H94" s="425"/>
      <c r="I94" s="425"/>
      <c r="J94" s="499"/>
      <c r="K94" s="459"/>
      <c r="L94" s="459"/>
    </row>
    <row r="95" spans="1:12" s="66" customFormat="1" ht="10.5" x14ac:dyDescent="0.2">
      <c r="A95" s="142" t="s">
        <v>725</v>
      </c>
      <c r="B95" s="423">
        <v>12133000</v>
      </c>
      <c r="C95" s="423">
        <v>36105468</v>
      </c>
      <c r="D95" s="423">
        <v>0</v>
      </c>
      <c r="E95" s="423">
        <v>32191458.300000012</v>
      </c>
      <c r="F95" s="504">
        <v>2.9377540975769967</v>
      </c>
      <c r="G95" s="423">
        <v>3914009.6999999881</v>
      </c>
      <c r="H95" s="423">
        <v>4679547.5199999996</v>
      </c>
      <c r="I95" s="423">
        <v>21616076.659999996</v>
      </c>
      <c r="J95" s="504">
        <v>2.9152170093969292</v>
      </c>
      <c r="K95" s="505">
        <v>14489391.340000004</v>
      </c>
      <c r="L95" s="322">
        <v>0</v>
      </c>
    </row>
    <row r="96" spans="1:12" ht="10.5" x14ac:dyDescent="0.2">
      <c r="A96" s="189" t="s">
        <v>728</v>
      </c>
      <c r="B96" s="425">
        <v>12133000</v>
      </c>
      <c r="C96" s="425">
        <v>36105468</v>
      </c>
      <c r="D96" s="425">
        <v>0</v>
      </c>
      <c r="E96" s="425">
        <v>32191458.300000012</v>
      </c>
      <c r="F96" s="507">
        <v>2.9377540975769967</v>
      </c>
      <c r="G96" s="425">
        <v>3914009.6999999881</v>
      </c>
      <c r="H96" s="425">
        <v>4679547.5199999996</v>
      </c>
      <c r="I96" s="425">
        <v>21616076.659999996</v>
      </c>
      <c r="J96" s="507">
        <v>2.9152170093969292</v>
      </c>
      <c r="K96" s="499">
        <v>14489391.340000004</v>
      </c>
      <c r="L96" s="459">
        <v>0</v>
      </c>
    </row>
    <row r="97" spans="1:12" ht="15" customHeight="1" x14ac:dyDescent="0.2">
      <c r="A97" s="144" t="s">
        <v>735</v>
      </c>
      <c r="B97" s="365">
        <v>993939500</v>
      </c>
      <c r="C97" s="365">
        <v>1295948358.9000003</v>
      </c>
      <c r="D97" s="365">
        <v>20218563.589999977</v>
      </c>
      <c r="E97" s="365">
        <v>1095784644.6900001</v>
      </c>
      <c r="F97" s="509">
        <v>100</v>
      </c>
      <c r="G97" s="365">
        <v>200163714.20999995</v>
      </c>
      <c r="H97" s="365">
        <v>175718820.08000001</v>
      </c>
      <c r="I97" s="365">
        <v>741491168.24999976</v>
      </c>
      <c r="J97" s="509">
        <v>100</v>
      </c>
      <c r="K97" s="503">
        <v>554457190.64999998</v>
      </c>
      <c r="L97" s="233">
        <v>0</v>
      </c>
    </row>
    <row r="98" spans="1:12" ht="10.5" x14ac:dyDescent="0.2">
      <c r="A98" s="45" t="s">
        <v>848</v>
      </c>
      <c r="L98" s="296"/>
    </row>
    <row r="99" spans="1:12" ht="10.5" x14ac:dyDescent="0.2">
      <c r="A99" s="202"/>
    </row>
    <row r="100" spans="1:12" ht="10.5" x14ac:dyDescent="0.2">
      <c r="A100" s="183"/>
      <c r="C100" s="414"/>
    </row>
    <row r="101" spans="1:12" s="268" customFormat="1" ht="10.5" x14ac:dyDescent="0.2">
      <c r="A101" s="392"/>
      <c r="B101" s="45"/>
      <c r="C101" s="45"/>
      <c r="D101" s="45"/>
      <c r="E101" s="45"/>
      <c r="F101" s="45"/>
      <c r="G101" s="45"/>
      <c r="H101" s="45"/>
      <c r="I101" s="45"/>
      <c r="J101" s="45"/>
      <c r="K101" s="45"/>
      <c r="L101" s="45"/>
    </row>
    <row r="102" spans="1:12" s="268" customFormat="1" ht="10.5" x14ac:dyDescent="0.2">
      <c r="A102" s="392"/>
      <c r="B102" s="45"/>
      <c r="C102" s="45"/>
      <c r="D102" s="45"/>
      <c r="E102" s="45"/>
      <c r="F102" s="45"/>
      <c r="G102" s="45"/>
      <c r="H102" s="45"/>
      <c r="I102" s="45"/>
      <c r="J102" s="45"/>
      <c r="K102" s="45"/>
      <c r="L102" s="45"/>
    </row>
    <row r="103" spans="1:12" s="268" customFormat="1" ht="10.5" x14ac:dyDescent="0.2">
      <c r="A103" s="392"/>
      <c r="B103" s="45"/>
      <c r="C103" s="45"/>
      <c r="D103" s="45"/>
      <c r="E103" s="45"/>
      <c r="F103" s="45"/>
      <c r="G103" s="45"/>
      <c r="H103" s="45"/>
      <c r="I103" s="45"/>
      <c r="J103" s="45"/>
      <c r="K103" s="45"/>
      <c r="L103" s="45"/>
    </row>
    <row r="104" spans="1:12" ht="10.5" x14ac:dyDescent="0.2"/>
    <row r="105" spans="1:12" ht="10.5" x14ac:dyDescent="0.2"/>
    <row r="106" spans="1:12" ht="10.5" x14ac:dyDescent="0.2"/>
    <row r="107" spans="1:12" s="45" customFormat="1" ht="11.25" customHeight="1" x14ac:dyDescent="0.2"/>
    <row r="108" spans="1:12" s="45" customFormat="1" ht="11.25" customHeight="1" x14ac:dyDescent="0.2"/>
    <row r="109" spans="1:12" s="45" customFormat="1" ht="11.25" customHeight="1" x14ac:dyDescent="0.2"/>
    <row r="110" spans="1:12" s="45" customFormat="1" ht="11.25" customHeight="1" x14ac:dyDescent="0.2"/>
    <row r="111" spans="1:12" s="45" customFormat="1" ht="11.25" customHeight="1" x14ac:dyDescent="0.2"/>
    <row r="112" spans="1:12" s="45" customFormat="1" ht="11.25" customHeight="1" x14ac:dyDescent="0.2"/>
    <row r="113" s="45" customFormat="1" ht="11.25" customHeight="1" x14ac:dyDescent="0.2"/>
    <row r="114" ht="10.5" x14ac:dyDescent="0.2"/>
    <row r="115" ht="10.5" x14ac:dyDescent="0.2"/>
    <row r="116" ht="10.5" x14ac:dyDescent="0.2"/>
    <row r="117" ht="10.5" x14ac:dyDescent="0.2"/>
    <row r="118" ht="10.5" x14ac:dyDescent="0.2"/>
    <row r="119" ht="10.5" x14ac:dyDescent="0.2"/>
    <row r="120" ht="10.5" x14ac:dyDescent="0.2"/>
    <row r="121" ht="10.5" x14ac:dyDescent="0.2"/>
    <row r="122" ht="10.5" x14ac:dyDescent="0.2"/>
    <row r="123" ht="10.5" x14ac:dyDescent="0.2"/>
    <row r="124" ht="10.5" x14ac:dyDescent="0.2"/>
    <row r="125" ht="10.5" x14ac:dyDescent="0.2"/>
    <row r="126" ht="10.5" x14ac:dyDescent="0.2"/>
    <row r="127" ht="10.5" x14ac:dyDescent="0.2"/>
    <row r="128" ht="10.5" x14ac:dyDescent="0.2"/>
    <row r="129" ht="10.5" x14ac:dyDescent="0.2"/>
    <row r="130" ht="10.5" x14ac:dyDescent="0.2"/>
    <row r="131" ht="10.5" x14ac:dyDescent="0.2"/>
    <row r="132" ht="10.5" x14ac:dyDescent="0.2"/>
    <row r="133" ht="10.5" x14ac:dyDescent="0.2"/>
    <row r="134" ht="10.5" x14ac:dyDescent="0.2"/>
    <row r="135" ht="10.5" x14ac:dyDescent="0.2"/>
    <row r="136" ht="10.5" x14ac:dyDescent="0.2"/>
    <row r="137" ht="10.5" x14ac:dyDescent="0.2"/>
    <row r="138" ht="10.5" x14ac:dyDescent="0.2"/>
    <row r="139" ht="10.5" x14ac:dyDescent="0.2"/>
    <row r="140" ht="10.5" x14ac:dyDescent="0.2"/>
    <row r="141" ht="10.5" x14ac:dyDescent="0.2"/>
    <row r="142" ht="10.5" x14ac:dyDescent="0.2"/>
    <row r="143" ht="10.5" x14ac:dyDescent="0.2"/>
    <row r="144" ht="10.5" x14ac:dyDescent="0.2"/>
    <row r="145" ht="10.5" x14ac:dyDescent="0.2"/>
    <row r="146" ht="10.5" x14ac:dyDescent="0.2"/>
    <row r="147" ht="10.5" x14ac:dyDescent="0.2"/>
    <row r="148" ht="10.5" x14ac:dyDescent="0.2"/>
    <row r="149" ht="10.5" x14ac:dyDescent="0.2"/>
    <row r="150" ht="10.5" x14ac:dyDescent="0.2"/>
    <row r="151" ht="10.5" x14ac:dyDescent="0.2"/>
    <row r="152" ht="10.5" x14ac:dyDescent="0.2"/>
    <row r="153" ht="10.5" x14ac:dyDescent="0.2"/>
    <row r="154" ht="10.5" x14ac:dyDescent="0.2"/>
    <row r="155" ht="10.5" x14ac:dyDescent="0.2"/>
    <row r="156" ht="10.5" x14ac:dyDescent="0.2"/>
    <row r="157" ht="10.5" x14ac:dyDescent="0.2"/>
    <row r="158" ht="10.5" x14ac:dyDescent="0.2"/>
    <row r="159" ht="10.5" x14ac:dyDescent="0.2"/>
    <row r="160" ht="10.5" x14ac:dyDescent="0.2"/>
    <row r="161" ht="10.5" x14ac:dyDescent="0.2"/>
    <row r="162" ht="10.5" x14ac:dyDescent="0.2"/>
    <row r="163" ht="10.5" x14ac:dyDescent="0.2"/>
    <row r="164" ht="10.5" x14ac:dyDescent="0.2"/>
    <row r="165" ht="10.5" x14ac:dyDescent="0.2"/>
    <row r="166" ht="10.5" x14ac:dyDescent="0.2"/>
  </sheetData>
  <customSheetViews>
    <customSheetView guid="{C779D862-DE28-46CD-A428-4AAA1056D1E1}" showPageBreaks="1" showGridLines="0" fitToPage="1">
      <selection activeCell="A7" sqref="A7:E7"/>
      <pageMargins left="0.19685039370078741" right="0.19685039370078741" top="0.59055118110236227" bottom="0.19685039370078741" header="0" footer="0"/>
      <printOptions horizontalCentered="1"/>
      <pageSetup paperSize="9" scale="45" orientation="portrait" r:id="rId1"/>
    </customSheetView>
    <customSheetView guid="{3AAF6A5F-F9AA-430B-9AD9-1261ECDF41B5}" showPageBreaks="1" showGridLines="0" fitToPage="1" printArea="1" topLeftCell="B81">
      <selection activeCell="H104" sqref="H104"/>
      <pageMargins left="0.19685039370078741" right="0.19685039370078741" top="0.59055118110236227" bottom="0.19685039370078741" header="0" footer="0"/>
      <printOptions horizontalCentered="1"/>
      <pageSetup paperSize="9" scale="45" orientation="portrait" r:id="rId2"/>
    </customSheetView>
    <customSheetView guid="{25EF1E0D-169B-4051-B414-7E1196FC05E4}" showPageBreaks="1" showGridLines="0" fitToPage="1">
      <selection activeCell="C97" sqref="C97"/>
      <pageMargins left="0.19685039370078741" right="0.19685039370078741" top="0.59055118110236227" bottom="0.19685039370078741" header="0" footer="0"/>
      <printOptions horizontalCentered="1"/>
      <pageSetup paperSize="9" scale="45" orientation="portrait" r:id="rId3"/>
    </customSheetView>
    <customSheetView guid="{82EDB5A4-4824-4632-A540-7A52C92F04C7}" showPageBreaks="1" showGridLines="0" fitToPage="1" topLeftCell="A10">
      <pane xSplit="1" ySplit="3" topLeftCell="C76" activePane="bottomRight" state="frozen"/>
      <selection pane="bottomRight" activeCell="I97" sqref="I97"/>
      <pageMargins left="0.19685039370078741" right="0.19685039370078741" top="0.59055118110236227" bottom="0.19685039370078741" header="0" footer="0"/>
      <printOptions horizontalCentered="1"/>
      <pageSetup paperSize="9" scale="45" orientation="portrait" r:id="rId4"/>
    </customSheetView>
    <customSheetView guid="{15F968AB-9DD6-4E60-9FDC-FEF44C5FFDCB}" showPageBreaks="1" showGridLines="0" fitToPage="1" printArea="1">
      <pageMargins left="0.51181102362204722" right="0.51181102362204722" top="0.78740157480314965" bottom="0.78740157480314965" header="0.31496062992125984" footer="0.31496062992125984"/>
      <pageSetup paperSize="9" scale="42" orientation="portrait" r:id="rId5"/>
    </customSheetView>
    <customSheetView guid="{D5976633-8ECB-4B00-B200-C7467CF5B10F}" showGridLines="0" topLeftCell="A70">
      <selection activeCell="A97" sqref="A97"/>
      <pageMargins left="0.511811024" right="0.511811024" top="0.78740157499999996" bottom="0.78740157499999996" header="0.31496062000000002" footer="0.31496062000000002"/>
    </customSheetView>
    <customSheetView guid="{B4FED47C-EE37-4843-A570-282D4F8229D4}" showGridLines="0" fitToPage="1">
      <selection activeCell="A8" sqref="A8"/>
      <pageMargins left="0.19685039370078741" right="0.19685039370078741" top="0.59055118110236227" bottom="0.19685039370078741" header="0" footer="0"/>
      <printOptions horizontalCentered="1"/>
      <pageSetup paperSize="9" scale="45" orientation="portrait" r:id="rId6"/>
    </customSheetView>
    <customSheetView guid="{6DBFA32C-4AA4-4E1D-9A48-697377C64CC3}" showPageBreaks="1" showGridLines="0" fitToPage="1" printArea="1">
      <selection activeCell="C97" sqref="C97"/>
      <pageMargins left="0.19685039370078741" right="0.19685039370078741" top="0.59055118110236227" bottom="0.19685039370078741" header="0" footer="0"/>
      <printOptions horizontalCentered="1"/>
      <pageSetup paperSize="9" scale="45" orientation="portrait" r:id="rId7"/>
    </customSheetView>
    <customSheetView guid="{09DEEE52-8A8D-4F12-80E3-55185B30DF10}" showGridLines="0" fitToPage="1">
      <pageMargins left="0.19685039370078741" right="0.19685039370078741" top="0.59055118110236227" bottom="0.19685039370078741" header="0" footer="0"/>
      <printOptions horizontalCentered="1"/>
      <pageSetup paperSize="9" scale="45" orientation="portrait" r:id="rId8"/>
    </customSheetView>
  </customSheetViews>
  <mergeCells count="13">
    <mergeCell ref="D11:D12"/>
    <mergeCell ref="H11:H12"/>
    <mergeCell ref="A10:A12"/>
    <mergeCell ref="A3:L3"/>
    <mergeCell ref="A4:L4"/>
    <mergeCell ref="A5:L5"/>
    <mergeCell ref="A6:L6"/>
    <mergeCell ref="A7:L7"/>
    <mergeCell ref="D10:F10"/>
    <mergeCell ref="G10:G11"/>
    <mergeCell ref="H10:J10"/>
    <mergeCell ref="K10:K11"/>
    <mergeCell ref="L10:L12"/>
  </mergeCells>
  <printOptions horizontalCentered="1"/>
  <pageMargins left="0.19685039370078741" right="0.19685039370078741" top="0.59055118110236227" bottom="0.19685039370078741" header="0" footer="0"/>
  <pageSetup paperSize="9" scale="45" orientation="portrait" r:id="rId9"/>
  <drawing r:id="rId1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5">
    <pageSetUpPr fitToPage="1"/>
  </sheetPr>
  <dimension ref="A1:P85"/>
  <sheetViews>
    <sheetView showGridLines="0" zoomScaleNormal="100" workbookViewId="0"/>
  </sheetViews>
  <sheetFormatPr defaultColWidth="4.140625" defaultRowHeight="11.25" customHeight="1" x14ac:dyDescent="0.2"/>
  <cols>
    <col min="1" max="1" width="45.140625" style="268" customWidth="1"/>
    <col min="2" max="2" width="20.5703125" style="303" customWidth="1"/>
    <col min="3" max="3" width="19" style="303" customWidth="1"/>
    <col min="4" max="4" width="19" style="303" bestFit="1" customWidth="1"/>
    <col min="5" max="5" width="18.85546875" style="303" customWidth="1"/>
    <col min="6" max="6" width="19" style="303" bestFit="1" customWidth="1"/>
    <col min="7" max="7" width="20.140625" style="304" bestFit="1" customWidth="1"/>
    <col min="8" max="8" width="20.85546875" style="303" customWidth="1"/>
    <col min="9" max="9" width="4.140625" style="221"/>
    <col min="10" max="12" width="4.140625" style="268"/>
    <col min="13" max="13" width="5.140625" style="268" customWidth="1"/>
    <col min="14" max="14" width="4.140625" style="268"/>
    <col min="15" max="15" width="19" style="268" bestFit="1" customWidth="1"/>
    <col min="16" max="16" width="10.28515625" style="268" customWidth="1"/>
    <col min="17" max="16384" width="4.140625" style="268"/>
  </cols>
  <sheetData>
    <row r="1" spans="1:9" s="26" customFormat="1" ht="11.25" customHeight="1" x14ac:dyDescent="0.2">
      <c r="A1" s="272"/>
      <c r="B1" s="303"/>
      <c r="C1" s="303"/>
      <c r="D1" s="303"/>
      <c r="E1" s="303"/>
      <c r="F1" s="303"/>
      <c r="G1" s="304"/>
      <c r="H1" s="303"/>
      <c r="I1" s="112"/>
    </row>
    <row r="2" spans="1:9" s="26" customFormat="1" ht="11.25" customHeight="1" x14ac:dyDescent="0.2">
      <c r="A2" s="272"/>
      <c r="B2" s="303"/>
      <c r="C2" s="303"/>
      <c r="D2" s="303"/>
      <c r="E2" s="303"/>
      <c r="F2" s="303"/>
      <c r="G2" s="304"/>
      <c r="H2" s="303"/>
      <c r="I2" s="112"/>
    </row>
    <row r="3" spans="1:9" s="45" customFormat="1" ht="11.25" customHeight="1" x14ac:dyDescent="0.2">
      <c r="A3" s="720" t="s">
        <v>638</v>
      </c>
      <c r="B3" s="720"/>
      <c r="C3" s="720"/>
      <c r="D3" s="720"/>
      <c r="E3" s="720"/>
      <c r="F3" s="720"/>
      <c r="G3" s="720"/>
      <c r="H3" s="720"/>
      <c r="I3" s="56"/>
    </row>
    <row r="4" spans="1:9" s="45" customFormat="1" ht="11.25" customHeight="1" x14ac:dyDescent="0.2">
      <c r="A4" s="720" t="s">
        <v>105</v>
      </c>
      <c r="B4" s="720"/>
      <c r="C4" s="720"/>
      <c r="D4" s="720"/>
      <c r="E4" s="720"/>
      <c r="F4" s="720"/>
      <c r="G4" s="720"/>
      <c r="H4" s="720"/>
      <c r="I4" s="56"/>
    </row>
    <row r="5" spans="1:9" s="45" customFormat="1" ht="11.25" customHeight="1" x14ac:dyDescent="0.2">
      <c r="A5" s="720" t="s">
        <v>171</v>
      </c>
      <c r="B5" s="720"/>
      <c r="C5" s="720"/>
      <c r="D5" s="720"/>
      <c r="E5" s="720"/>
      <c r="F5" s="720"/>
      <c r="G5" s="720"/>
      <c r="H5" s="720"/>
      <c r="I5" s="56"/>
    </row>
    <row r="6" spans="1:9" s="45" customFormat="1" ht="11.25" customHeight="1" x14ac:dyDescent="0.2">
      <c r="A6" s="720" t="s">
        <v>107</v>
      </c>
      <c r="B6" s="720"/>
      <c r="C6" s="720"/>
      <c r="D6" s="720"/>
      <c r="E6" s="720"/>
      <c r="F6" s="720"/>
      <c r="G6" s="720"/>
      <c r="H6" s="720"/>
      <c r="I6" s="56"/>
    </row>
    <row r="7" spans="1:9" s="45" customFormat="1" ht="11.25" customHeight="1" x14ac:dyDescent="0.2">
      <c r="A7" s="772" t="s">
        <v>892</v>
      </c>
      <c r="B7" s="772"/>
      <c r="C7" s="772"/>
      <c r="D7" s="772"/>
      <c r="E7" s="772"/>
      <c r="F7" s="772"/>
      <c r="G7" s="772"/>
      <c r="H7" s="772"/>
      <c r="I7" s="56"/>
    </row>
    <row r="8" spans="1:9" s="26" customFormat="1" ht="11.25" customHeight="1" x14ac:dyDescent="0.2">
      <c r="A8" s="46"/>
      <c r="B8" s="305"/>
      <c r="C8" s="305"/>
      <c r="D8" s="305"/>
      <c r="E8" s="305"/>
      <c r="F8" s="305"/>
      <c r="G8" s="305"/>
      <c r="H8" s="305"/>
      <c r="I8" s="112"/>
    </row>
    <row r="9" spans="1:9" s="26" customFormat="1" ht="11.25" customHeight="1" x14ac:dyDescent="0.2">
      <c r="A9" s="26" t="s">
        <v>364</v>
      </c>
      <c r="B9" s="303"/>
      <c r="C9" s="303"/>
      <c r="D9" s="303"/>
      <c r="E9" s="303"/>
      <c r="F9" s="303"/>
      <c r="G9" s="312"/>
      <c r="H9" s="619">
        <v>1</v>
      </c>
      <c r="I9" s="112"/>
    </row>
    <row r="10" spans="1:9" ht="11.25" customHeight="1" x14ac:dyDescent="0.2">
      <c r="A10" s="127"/>
      <c r="B10" s="786" t="s">
        <v>172</v>
      </c>
      <c r="C10" s="787"/>
      <c r="D10" s="787"/>
      <c r="E10" s="787"/>
      <c r="F10" s="787"/>
      <c r="G10" s="787"/>
      <c r="H10" s="787"/>
    </row>
    <row r="11" spans="1:9" ht="11.25" customHeight="1" x14ac:dyDescent="0.2">
      <c r="A11" s="271" t="s">
        <v>173</v>
      </c>
      <c r="B11" s="788"/>
      <c r="C11" s="789"/>
      <c r="D11" s="789"/>
      <c r="E11" s="789"/>
      <c r="F11" s="789"/>
      <c r="G11" s="789"/>
      <c r="H11" s="789"/>
    </row>
    <row r="12" spans="1:9" ht="15" customHeight="1" x14ac:dyDescent="0.2">
      <c r="A12" s="49"/>
      <c r="B12" s="699" t="s">
        <v>853</v>
      </c>
      <c r="C12" s="699" t="s">
        <v>854</v>
      </c>
      <c r="D12" s="699" t="s">
        <v>857</v>
      </c>
      <c r="E12" s="699" t="s">
        <v>858</v>
      </c>
      <c r="F12" s="699" t="s">
        <v>859</v>
      </c>
      <c r="G12" s="699" t="s">
        <v>860</v>
      </c>
      <c r="H12" s="699" t="s">
        <v>882</v>
      </c>
    </row>
    <row r="13" spans="1:9" s="66" customFormat="1" ht="10.5" x14ac:dyDescent="0.2">
      <c r="A13" s="128" t="s">
        <v>176</v>
      </c>
      <c r="B13" s="510">
        <v>975849866.98000002</v>
      </c>
      <c r="C13" s="510">
        <v>1017361681.8899999</v>
      </c>
      <c r="D13" s="510">
        <v>1021125786.5299999</v>
      </c>
      <c r="E13" s="510">
        <v>1121384362.0599999</v>
      </c>
      <c r="F13" s="510">
        <v>1248841918.9300001</v>
      </c>
      <c r="G13" s="510">
        <v>1072939683.77</v>
      </c>
      <c r="H13" s="510">
        <v>1065475455.62</v>
      </c>
      <c r="I13" s="155"/>
    </row>
    <row r="14" spans="1:9" ht="10.5" x14ac:dyDescent="0.2">
      <c r="A14" s="29" t="s">
        <v>177</v>
      </c>
      <c r="B14" s="426">
        <v>687646671.42999995</v>
      </c>
      <c r="C14" s="426">
        <v>676435703.5999999</v>
      </c>
      <c r="D14" s="426">
        <v>679435823.20999992</v>
      </c>
      <c r="E14" s="426">
        <v>746714641.68999994</v>
      </c>
      <c r="F14" s="426">
        <v>921533301.37000012</v>
      </c>
      <c r="G14" s="426">
        <v>723324545.7099998</v>
      </c>
      <c r="H14" s="426">
        <v>746476446.37</v>
      </c>
    </row>
    <row r="15" spans="1:9" ht="10.5" x14ac:dyDescent="0.2">
      <c r="A15" s="29" t="s">
        <v>416</v>
      </c>
      <c r="B15" s="426">
        <v>586553488.82999992</v>
      </c>
      <c r="C15" s="426">
        <v>585179815.51999998</v>
      </c>
      <c r="D15" s="426">
        <v>577355560.66999996</v>
      </c>
      <c r="E15" s="426">
        <v>563798404.13</v>
      </c>
      <c r="F15" s="426">
        <v>597156953.74000001</v>
      </c>
      <c r="G15" s="426">
        <v>591768563.52999997</v>
      </c>
      <c r="H15" s="426">
        <v>610693516.91999996</v>
      </c>
    </row>
    <row r="16" spans="1:9" ht="10.5" x14ac:dyDescent="0.2">
      <c r="A16" s="29" t="s">
        <v>417</v>
      </c>
      <c r="B16" s="426">
        <v>8235916.0499999998</v>
      </c>
      <c r="C16" s="426">
        <v>7473951.25</v>
      </c>
      <c r="D16" s="426">
        <v>6807575.2400000002</v>
      </c>
      <c r="E16" s="426">
        <v>27298786.489999998</v>
      </c>
      <c r="F16" s="426">
        <v>241836841.94</v>
      </c>
      <c r="G16" s="426">
        <v>46897280.259999998</v>
      </c>
      <c r="H16" s="426">
        <v>43443299.909999996</v>
      </c>
    </row>
    <row r="17" spans="1:9" ht="10.5" x14ac:dyDescent="0.2">
      <c r="A17" s="29" t="s">
        <v>418</v>
      </c>
      <c r="B17" s="426">
        <v>7577783.1100000003</v>
      </c>
      <c r="C17" s="426">
        <v>10418904.140000001</v>
      </c>
      <c r="D17" s="426">
        <v>9829570.1799999997</v>
      </c>
      <c r="E17" s="426">
        <v>27108414.43</v>
      </c>
      <c r="F17" s="426">
        <v>19082923.440000001</v>
      </c>
      <c r="G17" s="426">
        <v>21030201.420000002</v>
      </c>
      <c r="H17" s="426">
        <v>14155551.82</v>
      </c>
    </row>
    <row r="18" spans="1:9" ht="10.5" x14ac:dyDescent="0.2">
      <c r="A18" s="29" t="s">
        <v>415</v>
      </c>
      <c r="B18" s="426">
        <v>52907120.82</v>
      </c>
      <c r="C18" s="426">
        <v>40132261.509999998</v>
      </c>
      <c r="D18" s="426">
        <v>62755535.130000003</v>
      </c>
      <c r="E18" s="426">
        <v>102080414.88</v>
      </c>
      <c r="F18" s="426">
        <v>42376082.43</v>
      </c>
      <c r="G18" s="426">
        <v>43610514.439999998</v>
      </c>
      <c r="H18" s="426">
        <v>54752162.990000002</v>
      </c>
    </row>
    <row r="19" spans="1:9" ht="10.5" x14ac:dyDescent="0.2">
      <c r="A19" s="29" t="s">
        <v>419</v>
      </c>
      <c r="B19" s="426">
        <v>32372362.619999997</v>
      </c>
      <c r="C19" s="426">
        <v>33230771.18</v>
      </c>
      <c r="D19" s="426">
        <v>22687581.989999998</v>
      </c>
      <c r="E19" s="426">
        <v>26428621.760000002</v>
      </c>
      <c r="F19" s="426">
        <v>21080499.82</v>
      </c>
      <c r="G19" s="426">
        <v>20017986.059999999</v>
      </c>
      <c r="H19" s="426">
        <v>23431914.73</v>
      </c>
    </row>
    <row r="20" spans="1:9" ht="10.5" x14ac:dyDescent="0.2">
      <c r="A20" s="29" t="s">
        <v>178</v>
      </c>
      <c r="B20" s="426">
        <v>21177747.449999999</v>
      </c>
      <c r="C20" s="426">
        <v>24721524.100000001</v>
      </c>
      <c r="D20" s="426">
        <v>41829069.049999997</v>
      </c>
      <c r="E20" s="426">
        <v>54070208.149999999</v>
      </c>
      <c r="F20" s="426">
        <v>24000744.23</v>
      </c>
      <c r="G20" s="426">
        <v>28059780.27</v>
      </c>
      <c r="H20" s="426">
        <v>40720936.969999999</v>
      </c>
    </row>
    <row r="21" spans="1:9" ht="10.5" x14ac:dyDescent="0.2">
      <c r="A21" s="29" t="s">
        <v>179</v>
      </c>
      <c r="B21" s="426">
        <v>14109174.65</v>
      </c>
      <c r="C21" s="426">
        <v>23712441.399999999</v>
      </c>
      <c r="D21" s="426">
        <v>22681298.59</v>
      </c>
      <c r="E21" s="426">
        <v>23635513.210000001</v>
      </c>
      <c r="F21" s="426">
        <v>21980605.399999999</v>
      </c>
      <c r="G21" s="426">
        <v>19046142.210000001</v>
      </c>
      <c r="H21" s="426">
        <v>20999525.629999999</v>
      </c>
    </row>
    <row r="22" spans="1:9" ht="10.5" x14ac:dyDescent="0.2">
      <c r="A22" s="29" t="s">
        <v>180</v>
      </c>
      <c r="B22" s="426">
        <v>0</v>
      </c>
      <c r="C22" s="426">
        <v>0</v>
      </c>
      <c r="D22" s="426">
        <v>0</v>
      </c>
      <c r="E22" s="426">
        <v>0</v>
      </c>
      <c r="F22" s="426">
        <v>0</v>
      </c>
      <c r="G22" s="426">
        <v>0</v>
      </c>
      <c r="H22" s="426">
        <v>0</v>
      </c>
    </row>
    <row r="23" spans="1:9" ht="10.5" x14ac:dyDescent="0.2">
      <c r="A23" s="29" t="s">
        <v>181</v>
      </c>
      <c r="B23" s="426">
        <v>0</v>
      </c>
      <c r="C23" s="426">
        <v>0</v>
      </c>
      <c r="D23" s="426">
        <v>0</v>
      </c>
      <c r="E23" s="426">
        <v>0</v>
      </c>
      <c r="F23" s="426">
        <v>0</v>
      </c>
      <c r="G23" s="426">
        <v>0</v>
      </c>
      <c r="H23" s="426">
        <v>0</v>
      </c>
    </row>
    <row r="24" spans="1:9" ht="10.5" x14ac:dyDescent="0.2">
      <c r="A24" s="29" t="s">
        <v>186</v>
      </c>
      <c r="B24" s="426">
        <v>53660431.979999997</v>
      </c>
      <c r="C24" s="426">
        <v>41792186.060000002</v>
      </c>
      <c r="D24" s="426">
        <v>38853775.020000003</v>
      </c>
      <c r="E24" s="426">
        <v>49028947.229999997</v>
      </c>
      <c r="F24" s="426">
        <v>34355209.799999997</v>
      </c>
      <c r="G24" s="426">
        <v>31589484.949999999</v>
      </c>
      <c r="H24" s="426">
        <v>38686460.57</v>
      </c>
    </row>
    <row r="25" spans="1:9" ht="10.5" x14ac:dyDescent="0.2">
      <c r="A25" s="29" t="s">
        <v>182</v>
      </c>
      <c r="B25" s="426">
        <v>186584703.68000001</v>
      </c>
      <c r="C25" s="426">
        <v>241546452.93000001</v>
      </c>
      <c r="D25" s="426">
        <v>225554294.39000002</v>
      </c>
      <c r="E25" s="426">
        <v>234808987.07999998</v>
      </c>
      <c r="F25" s="426">
        <v>237028617.94999996</v>
      </c>
      <c r="G25" s="426">
        <v>263624754.19000003</v>
      </c>
      <c r="H25" s="426">
        <v>208737938.69999999</v>
      </c>
    </row>
    <row r="26" spans="1:9" ht="10.5" x14ac:dyDescent="0.2">
      <c r="A26" s="29" t="s">
        <v>420</v>
      </c>
      <c r="B26" s="426">
        <v>64164274.240000002</v>
      </c>
      <c r="C26" s="426">
        <v>73029577.859999999</v>
      </c>
      <c r="D26" s="426">
        <v>82456126.079999998</v>
      </c>
      <c r="E26" s="426">
        <v>94815083.159999996</v>
      </c>
      <c r="F26" s="426">
        <v>90344216.370000005</v>
      </c>
      <c r="G26" s="426">
        <v>113372572.09</v>
      </c>
      <c r="H26" s="426">
        <v>68697766.890000001</v>
      </c>
    </row>
    <row r="27" spans="1:9" ht="10.5" x14ac:dyDescent="0.2">
      <c r="A27" s="29" t="s">
        <v>421</v>
      </c>
      <c r="B27" s="426">
        <v>1504729.69</v>
      </c>
      <c r="C27" s="426">
        <v>1504729.69</v>
      </c>
      <c r="D27" s="426">
        <v>1504729.69</v>
      </c>
      <c r="E27" s="426">
        <v>1504729.69</v>
      </c>
      <c r="F27" s="426">
        <v>1504729.69</v>
      </c>
      <c r="G27" s="426">
        <v>1504729.69</v>
      </c>
      <c r="H27" s="426">
        <v>1504729.69</v>
      </c>
    </row>
    <row r="28" spans="1:9" ht="10.5" x14ac:dyDescent="0.2">
      <c r="A28" s="29" t="s">
        <v>422</v>
      </c>
      <c r="B28" s="426">
        <v>7230465.2699999996</v>
      </c>
      <c r="C28" s="426">
        <v>8386749.8300000001</v>
      </c>
      <c r="D28" s="426">
        <v>7641073.2000000002</v>
      </c>
      <c r="E28" s="426">
        <v>7545093.4199999999</v>
      </c>
      <c r="F28" s="426">
        <v>8756482.0800000001</v>
      </c>
      <c r="G28" s="426">
        <v>6762659.7000000002</v>
      </c>
      <c r="H28" s="426">
        <v>6602487.1200000001</v>
      </c>
    </row>
    <row r="29" spans="1:9" ht="10.5" x14ac:dyDescent="0.2">
      <c r="A29" s="29" t="s">
        <v>423</v>
      </c>
      <c r="B29" s="426">
        <v>64494737.859999999</v>
      </c>
      <c r="C29" s="426">
        <v>73627497.010000005</v>
      </c>
      <c r="D29" s="426">
        <v>72069756.829999998</v>
      </c>
      <c r="E29" s="426">
        <v>72920154.700000003</v>
      </c>
      <c r="F29" s="426">
        <v>75390973.25</v>
      </c>
      <c r="G29" s="426">
        <v>93082638.75</v>
      </c>
      <c r="H29" s="426">
        <v>70186188.950000003</v>
      </c>
    </row>
    <row r="30" spans="1:9" ht="10.5" x14ac:dyDescent="0.2">
      <c r="A30" s="29" t="s">
        <v>424</v>
      </c>
      <c r="B30" s="426">
        <v>49190496.620000005</v>
      </c>
      <c r="C30" s="426">
        <v>84997898.540000007</v>
      </c>
      <c r="D30" s="426">
        <v>61882608.590000004</v>
      </c>
      <c r="E30" s="426">
        <v>58023926.109999999</v>
      </c>
      <c r="F30" s="426">
        <v>61032216.559999973</v>
      </c>
      <c r="G30" s="426">
        <v>48902153.960000001</v>
      </c>
      <c r="H30" s="426">
        <v>61746766.049999997</v>
      </c>
    </row>
    <row r="31" spans="1:9" ht="10.5" x14ac:dyDescent="0.2">
      <c r="A31" s="29" t="s">
        <v>183</v>
      </c>
      <c r="B31" s="426">
        <v>12671137.789999999</v>
      </c>
      <c r="C31" s="426">
        <v>9153373.8000000007</v>
      </c>
      <c r="D31" s="426">
        <v>12771526.27</v>
      </c>
      <c r="E31" s="426">
        <v>13126064.699999999</v>
      </c>
      <c r="F31" s="426">
        <v>9943440.1799999997</v>
      </c>
      <c r="G31" s="426">
        <v>7294976.4400000004</v>
      </c>
      <c r="H31" s="426">
        <v>9854147.3800000008</v>
      </c>
    </row>
    <row r="32" spans="1:9" s="66" customFormat="1" ht="10.5" x14ac:dyDescent="0.2">
      <c r="A32" s="128" t="s">
        <v>184</v>
      </c>
      <c r="B32" s="424">
        <v>287324973.38</v>
      </c>
      <c r="C32" s="424">
        <v>294352118.26999998</v>
      </c>
      <c r="D32" s="424">
        <v>307179950.60000002</v>
      </c>
      <c r="E32" s="424">
        <v>301383847.33999997</v>
      </c>
      <c r="F32" s="424">
        <v>335757239.55000001</v>
      </c>
      <c r="G32" s="424">
        <v>427089836.84400004</v>
      </c>
      <c r="H32" s="424">
        <v>343589317.54999995</v>
      </c>
      <c r="I32" s="155"/>
    </row>
    <row r="33" spans="1:16" ht="10.5" x14ac:dyDescent="0.2">
      <c r="A33" s="29" t="s">
        <v>185</v>
      </c>
      <c r="B33" s="426">
        <v>160848038.90000001</v>
      </c>
      <c r="C33" s="426">
        <v>162234780.44999999</v>
      </c>
      <c r="D33" s="426">
        <v>157568838.93000001</v>
      </c>
      <c r="E33" s="426">
        <v>133428566.73999999</v>
      </c>
      <c r="F33" s="426">
        <v>172406565.69</v>
      </c>
      <c r="G33" s="426">
        <v>275933230.48400003</v>
      </c>
      <c r="H33" s="426">
        <v>187308308.13999999</v>
      </c>
    </row>
    <row r="34" spans="1:16" ht="10.5" x14ac:dyDescent="0.2">
      <c r="A34" s="29" t="s">
        <v>365</v>
      </c>
      <c r="B34" s="426">
        <v>21177747.449999999</v>
      </c>
      <c r="C34" s="426">
        <v>24721524.100000001</v>
      </c>
      <c r="D34" s="426">
        <v>41639238.020000003</v>
      </c>
      <c r="E34" s="426">
        <v>54011287.420000002</v>
      </c>
      <c r="F34" s="426">
        <v>23930991.16</v>
      </c>
      <c r="G34" s="426">
        <v>27995465.239999998</v>
      </c>
      <c r="H34" s="426">
        <v>40585136.399999999</v>
      </c>
    </row>
    <row r="35" spans="1:16" ht="10.5" x14ac:dyDescent="0.2">
      <c r="A35" s="29" t="s">
        <v>425</v>
      </c>
      <c r="B35" s="426">
        <v>0</v>
      </c>
      <c r="C35" s="426">
        <v>0</v>
      </c>
      <c r="D35" s="426">
        <v>189831.03</v>
      </c>
      <c r="E35" s="426">
        <v>58920.73</v>
      </c>
      <c r="F35" s="426">
        <v>69753.070000000007</v>
      </c>
      <c r="G35" s="426">
        <v>64315.03</v>
      </c>
      <c r="H35" s="426">
        <v>135800.57</v>
      </c>
    </row>
    <row r="36" spans="1:16" ht="10.5" x14ac:dyDescent="0.2">
      <c r="A36" s="29" t="s">
        <v>223</v>
      </c>
      <c r="B36" s="426">
        <v>-7556</v>
      </c>
      <c r="C36" s="426">
        <v>0</v>
      </c>
      <c r="D36" s="426">
        <v>0</v>
      </c>
      <c r="E36" s="426">
        <v>0</v>
      </c>
      <c r="F36" s="426">
        <v>0</v>
      </c>
      <c r="G36" s="426">
        <v>0</v>
      </c>
      <c r="H36" s="426">
        <v>0</v>
      </c>
    </row>
    <row r="37" spans="1:16" s="66" customFormat="1" ht="10.5" x14ac:dyDescent="0.2">
      <c r="A37" s="29" t="s">
        <v>226</v>
      </c>
      <c r="B37" s="426">
        <v>105306743.03</v>
      </c>
      <c r="C37" s="426">
        <v>107395813.72</v>
      </c>
      <c r="D37" s="426">
        <v>107782042.62</v>
      </c>
      <c r="E37" s="426">
        <v>113885072.45</v>
      </c>
      <c r="F37" s="426">
        <v>139349929.63000003</v>
      </c>
      <c r="G37" s="426">
        <v>123096826.09000002</v>
      </c>
      <c r="H37" s="426">
        <v>115560072.44</v>
      </c>
      <c r="I37" s="155"/>
    </row>
    <row r="38" spans="1:16" s="66" customFormat="1" ht="15" customHeight="1" x14ac:dyDescent="0.2">
      <c r="A38" s="27" t="s">
        <v>234</v>
      </c>
      <c r="B38" s="438">
        <v>688524893.60000002</v>
      </c>
      <c r="C38" s="365">
        <v>723009563.61999989</v>
      </c>
      <c r="D38" s="438">
        <v>713945835.92999983</v>
      </c>
      <c r="E38" s="365">
        <v>820000514.72000003</v>
      </c>
      <c r="F38" s="438">
        <v>913084679.38000011</v>
      </c>
      <c r="G38" s="365">
        <v>645849846.92599988</v>
      </c>
      <c r="H38" s="438">
        <v>721886138.07000005</v>
      </c>
      <c r="I38" s="155"/>
    </row>
    <row r="39" spans="1:16" ht="6" customHeight="1" x14ac:dyDescent="0.2">
      <c r="A39" s="790"/>
      <c r="B39" s="790"/>
      <c r="C39" s="790"/>
      <c r="D39" s="790"/>
      <c r="E39" s="790"/>
      <c r="F39" s="790"/>
      <c r="G39" s="790"/>
      <c r="H39" s="790"/>
    </row>
    <row r="40" spans="1:16" s="26" customFormat="1" ht="6" customHeight="1" x14ac:dyDescent="0.2">
      <c r="B40" s="303"/>
      <c r="C40" s="303"/>
      <c r="D40" s="303"/>
      <c r="E40" s="303"/>
      <c r="F40" s="303"/>
      <c r="G40" s="303"/>
      <c r="H40" s="303"/>
      <c r="I40" s="112"/>
    </row>
    <row r="41" spans="1:16" ht="11.25" customHeight="1" x14ac:dyDescent="0.2">
      <c r="A41" s="127"/>
      <c r="B41" s="786" t="s">
        <v>172</v>
      </c>
      <c r="C41" s="787"/>
      <c r="D41" s="787"/>
      <c r="E41" s="787"/>
      <c r="F41" s="787"/>
      <c r="G41" s="315" t="s">
        <v>170</v>
      </c>
      <c r="H41" s="315" t="s">
        <v>108</v>
      </c>
    </row>
    <row r="42" spans="1:16" ht="11.25" customHeight="1" x14ac:dyDescent="0.2">
      <c r="A42" s="271" t="s">
        <v>173</v>
      </c>
      <c r="B42" s="788"/>
      <c r="C42" s="789"/>
      <c r="D42" s="789"/>
      <c r="E42" s="789"/>
      <c r="F42" s="789"/>
      <c r="G42" s="316" t="s">
        <v>174</v>
      </c>
      <c r="H42" s="316" t="s">
        <v>112</v>
      </c>
    </row>
    <row r="43" spans="1:16" ht="15" customHeight="1" x14ac:dyDescent="0.2">
      <c r="A43" s="49"/>
      <c r="B43" s="699" t="s">
        <v>883</v>
      </c>
      <c r="C43" s="699" t="s">
        <v>885</v>
      </c>
      <c r="D43" s="699" t="s">
        <v>886</v>
      </c>
      <c r="E43" s="455" t="s">
        <v>893</v>
      </c>
      <c r="F43" s="455" t="s">
        <v>894</v>
      </c>
      <c r="G43" s="313" t="s">
        <v>175</v>
      </c>
      <c r="H43" s="320" t="s">
        <v>861</v>
      </c>
    </row>
    <row r="44" spans="1:16" s="66" customFormat="1" ht="10.5" x14ac:dyDescent="0.2">
      <c r="A44" s="128" t="s">
        <v>176</v>
      </c>
      <c r="B44" s="510">
        <v>1163169160.28</v>
      </c>
      <c r="C44" s="510">
        <v>1129336339.8100002</v>
      </c>
      <c r="D44" s="510">
        <v>1055734975.0000001</v>
      </c>
      <c r="E44" s="510">
        <v>1047077343</v>
      </c>
      <c r="F44" s="510">
        <v>1066390070.25</v>
      </c>
      <c r="G44" s="510">
        <v>12984686644.119997</v>
      </c>
      <c r="H44" s="512">
        <v>13404456200</v>
      </c>
      <c r="I44" s="155"/>
      <c r="O44" s="207"/>
      <c r="P44" s="207"/>
    </row>
    <row r="45" spans="1:16" ht="10.5" x14ac:dyDescent="0.2">
      <c r="A45" s="29" t="s">
        <v>177</v>
      </c>
      <c r="B45" s="426">
        <v>771463812.99000001</v>
      </c>
      <c r="C45" s="426">
        <v>710380662.85000014</v>
      </c>
      <c r="D45" s="426">
        <v>680129271.61000001</v>
      </c>
      <c r="E45" s="426">
        <v>704265121.70000005</v>
      </c>
      <c r="F45" s="426">
        <v>708184262.63999999</v>
      </c>
      <c r="G45" s="426">
        <v>8755990265.1699982</v>
      </c>
      <c r="H45" s="511">
        <v>9027845600</v>
      </c>
      <c r="O45" s="205"/>
      <c r="P45" s="207"/>
    </row>
    <row r="46" spans="1:16" ht="10.5" x14ac:dyDescent="0.2">
      <c r="A46" s="29" t="s">
        <v>416</v>
      </c>
      <c r="B46" s="426">
        <v>646022277.40999997</v>
      </c>
      <c r="C46" s="426">
        <v>577453360.47000003</v>
      </c>
      <c r="D46" s="426">
        <v>560254770.69000006</v>
      </c>
      <c r="E46" s="426">
        <v>588812892.57000005</v>
      </c>
      <c r="F46" s="426">
        <v>592642760.12</v>
      </c>
      <c r="G46" s="426">
        <v>7077692364.5999994</v>
      </c>
      <c r="H46" s="513">
        <v>7655071400</v>
      </c>
      <c r="O46" s="205"/>
      <c r="P46" s="207"/>
    </row>
    <row r="47" spans="1:16" ht="10.5" x14ac:dyDescent="0.2">
      <c r="A47" s="29" t="s">
        <v>417</v>
      </c>
      <c r="B47" s="426">
        <v>38902234.469999999</v>
      </c>
      <c r="C47" s="426">
        <v>38782656.700000003</v>
      </c>
      <c r="D47" s="426">
        <v>20468874.649999999</v>
      </c>
      <c r="E47" s="426">
        <v>17832837.489999998</v>
      </c>
      <c r="F47" s="426">
        <v>17583156.93</v>
      </c>
      <c r="G47" s="426">
        <v>515563411.38</v>
      </c>
      <c r="H47" s="513">
        <v>317100000</v>
      </c>
      <c r="O47" s="205"/>
      <c r="P47" s="207"/>
    </row>
    <row r="48" spans="1:16" ht="10.5" x14ac:dyDescent="0.2">
      <c r="A48" s="29" t="s">
        <v>418</v>
      </c>
      <c r="B48" s="426">
        <v>9150231.5</v>
      </c>
      <c r="C48" s="426">
        <v>12819044.460000001</v>
      </c>
      <c r="D48" s="426">
        <v>11935042.039999999</v>
      </c>
      <c r="E48" s="426">
        <v>9331842.8599999994</v>
      </c>
      <c r="F48" s="426">
        <v>13941460.83</v>
      </c>
      <c r="G48" s="426">
        <v>166380970.22999999</v>
      </c>
      <c r="H48" s="513">
        <v>114800000</v>
      </c>
      <c r="O48" s="205"/>
      <c r="P48" s="207"/>
    </row>
    <row r="49" spans="1:16" ht="10.5" x14ac:dyDescent="0.2">
      <c r="A49" s="29" t="s">
        <v>415</v>
      </c>
      <c r="B49" s="426">
        <v>55857304.479999997</v>
      </c>
      <c r="C49" s="426">
        <v>57625942.829999998</v>
      </c>
      <c r="D49" s="426">
        <v>65181612.009999998</v>
      </c>
      <c r="E49" s="426">
        <v>53150898.420000002</v>
      </c>
      <c r="F49" s="426">
        <v>56078598.770000003</v>
      </c>
      <c r="G49" s="426">
        <v>686508448.70999992</v>
      </c>
      <c r="H49" s="513">
        <v>588500000</v>
      </c>
      <c r="O49" s="205"/>
      <c r="P49" s="207"/>
    </row>
    <row r="50" spans="1:16" ht="10.5" x14ac:dyDescent="0.2">
      <c r="A50" s="29" t="s">
        <v>419</v>
      </c>
      <c r="B50" s="426">
        <v>21531765.129999999</v>
      </c>
      <c r="C50" s="426">
        <v>23699658.390000001</v>
      </c>
      <c r="D50" s="426">
        <v>22288972.219999999</v>
      </c>
      <c r="E50" s="426">
        <v>35136650.359999992</v>
      </c>
      <c r="F50" s="426">
        <v>27938285.990000002</v>
      </c>
      <c r="G50" s="426">
        <v>309845070.25</v>
      </c>
      <c r="H50" s="513">
        <v>352374200</v>
      </c>
      <c r="O50" s="205"/>
      <c r="P50" s="207"/>
    </row>
    <row r="51" spans="1:16" ht="10.5" x14ac:dyDescent="0.2">
      <c r="A51" s="29" t="s">
        <v>178</v>
      </c>
      <c r="B51" s="426">
        <v>34436010.299999997</v>
      </c>
      <c r="C51" s="426">
        <v>43628967.189999998</v>
      </c>
      <c r="D51" s="426">
        <v>31810566.329999998</v>
      </c>
      <c r="E51" s="426">
        <v>33416311.260000002</v>
      </c>
      <c r="F51" s="426">
        <v>27904732.18</v>
      </c>
      <c r="G51" s="426">
        <v>405776597.47999996</v>
      </c>
      <c r="H51" s="513">
        <v>411000000</v>
      </c>
      <c r="O51" s="205"/>
      <c r="P51" s="207"/>
    </row>
    <row r="52" spans="1:16" ht="10.5" x14ac:dyDescent="0.2">
      <c r="A52" s="29" t="s">
        <v>179</v>
      </c>
      <c r="B52" s="426">
        <v>32122187.140000001</v>
      </c>
      <c r="C52" s="426">
        <v>20479931.280000001</v>
      </c>
      <c r="D52" s="426">
        <v>19339149.5</v>
      </c>
      <c r="E52" s="426">
        <v>21319278.18</v>
      </c>
      <c r="F52" s="426">
        <v>22792678.32</v>
      </c>
      <c r="G52" s="426">
        <v>262217925.51000002</v>
      </c>
      <c r="H52" s="513">
        <v>128398100</v>
      </c>
      <c r="O52" s="205"/>
      <c r="P52" s="207"/>
    </row>
    <row r="53" spans="1:16" ht="10.5" x14ac:dyDescent="0.2">
      <c r="A53" s="29" t="s">
        <v>180</v>
      </c>
      <c r="B53" s="426">
        <v>0</v>
      </c>
      <c r="C53" s="426">
        <v>0</v>
      </c>
      <c r="D53" s="426">
        <v>0</v>
      </c>
      <c r="E53" s="426">
        <v>0</v>
      </c>
      <c r="F53" s="426">
        <v>0</v>
      </c>
      <c r="G53" s="426">
        <v>0</v>
      </c>
      <c r="H53" s="511">
        <v>0</v>
      </c>
      <c r="O53" s="205"/>
      <c r="P53" s="207"/>
    </row>
    <row r="54" spans="1:16" ht="10.5" x14ac:dyDescent="0.2">
      <c r="A54" s="29" t="s">
        <v>181</v>
      </c>
      <c r="B54" s="426">
        <v>0</v>
      </c>
      <c r="C54" s="426">
        <v>0</v>
      </c>
      <c r="D54" s="426">
        <v>0</v>
      </c>
      <c r="E54" s="426">
        <v>0</v>
      </c>
      <c r="F54" s="426">
        <v>0</v>
      </c>
      <c r="G54" s="426">
        <v>0</v>
      </c>
      <c r="H54" s="511">
        <v>0</v>
      </c>
      <c r="O54" s="205"/>
      <c r="P54" s="207"/>
    </row>
    <row r="55" spans="1:16" ht="10.5" x14ac:dyDescent="0.2">
      <c r="A55" s="29" t="s">
        <v>186</v>
      </c>
      <c r="B55" s="426">
        <v>40531331.159999996</v>
      </c>
      <c r="C55" s="426">
        <v>47142578.390000001</v>
      </c>
      <c r="D55" s="426">
        <v>47931367.329999998</v>
      </c>
      <c r="E55" s="426">
        <v>51637704.979999997</v>
      </c>
      <c r="F55" s="426">
        <v>55125064.07</v>
      </c>
      <c r="G55" s="426">
        <v>530334541.53999996</v>
      </c>
      <c r="H55" s="513">
        <v>530646800</v>
      </c>
      <c r="O55" s="205"/>
      <c r="P55" s="207"/>
    </row>
    <row r="56" spans="1:16" ht="10.5" x14ac:dyDescent="0.2">
      <c r="A56" s="29" t="s">
        <v>182</v>
      </c>
      <c r="B56" s="426">
        <v>266492629.47999996</v>
      </c>
      <c r="C56" s="426">
        <v>295418104.34000003</v>
      </c>
      <c r="D56" s="426">
        <v>263296692.75</v>
      </c>
      <c r="E56" s="426">
        <v>223482581.11000004</v>
      </c>
      <c r="F56" s="426">
        <v>236776440.06</v>
      </c>
      <c r="G56" s="426">
        <v>2883352196.6599998</v>
      </c>
      <c r="H56" s="511">
        <v>3097934400</v>
      </c>
      <c r="O56" s="205"/>
      <c r="P56" s="207"/>
    </row>
    <row r="57" spans="1:16" ht="10.5" x14ac:dyDescent="0.2">
      <c r="A57" s="29" t="s">
        <v>420</v>
      </c>
      <c r="B57" s="426">
        <v>81666891.049999997</v>
      </c>
      <c r="C57" s="426">
        <v>108614410.45999999</v>
      </c>
      <c r="D57" s="426">
        <v>89718924.060000002</v>
      </c>
      <c r="E57" s="426">
        <v>65047272.57</v>
      </c>
      <c r="F57" s="426">
        <v>80667634.150000006</v>
      </c>
      <c r="G57" s="426">
        <v>1012594748.98</v>
      </c>
      <c r="H57" s="513">
        <v>1164100000</v>
      </c>
      <c r="O57" s="205"/>
      <c r="P57" s="207"/>
    </row>
    <row r="58" spans="1:16" ht="10.5" x14ac:dyDescent="0.2">
      <c r="A58" s="29" t="s">
        <v>421</v>
      </c>
      <c r="B58" s="426">
        <v>1504729.69</v>
      </c>
      <c r="C58" s="426">
        <v>1504729.69</v>
      </c>
      <c r="D58" s="426">
        <v>1504729.69</v>
      </c>
      <c r="E58" s="426">
        <v>1504729.69</v>
      </c>
      <c r="F58" s="426">
        <v>1504729.69</v>
      </c>
      <c r="G58" s="426">
        <v>18056756.279999997</v>
      </c>
      <c r="H58" s="513">
        <v>18100000</v>
      </c>
      <c r="O58" s="205"/>
      <c r="P58" s="207"/>
    </row>
    <row r="59" spans="1:16" ht="10.5" x14ac:dyDescent="0.2">
      <c r="A59" s="29" t="s">
        <v>422</v>
      </c>
      <c r="B59" s="426">
        <v>6774709.3799999999</v>
      </c>
      <c r="C59" s="426">
        <v>7693227.8200000003</v>
      </c>
      <c r="D59" s="426">
        <v>4577819.83</v>
      </c>
      <c r="E59" s="426">
        <v>6219984.6299999999</v>
      </c>
      <c r="F59" s="426">
        <v>6285235.46</v>
      </c>
      <c r="G59" s="426">
        <v>84475987.73999998</v>
      </c>
      <c r="H59" s="513">
        <v>118900000</v>
      </c>
      <c r="O59" s="205"/>
      <c r="P59" s="207"/>
    </row>
    <row r="60" spans="1:16" ht="10.5" x14ac:dyDescent="0.2">
      <c r="A60" s="29" t="s">
        <v>423</v>
      </c>
      <c r="B60" s="426">
        <v>74695615.099999994</v>
      </c>
      <c r="C60" s="426">
        <v>77882085.620000005</v>
      </c>
      <c r="D60" s="426">
        <v>68411155.030000001</v>
      </c>
      <c r="E60" s="426">
        <v>64952389.590000004</v>
      </c>
      <c r="F60" s="426">
        <v>70741849.040000007</v>
      </c>
      <c r="G60" s="426">
        <v>878455041.7299999</v>
      </c>
      <c r="H60" s="513">
        <v>922938000</v>
      </c>
      <c r="O60" s="205"/>
      <c r="P60" s="207"/>
    </row>
    <row r="61" spans="1:16" ht="10.5" x14ac:dyDescent="0.2">
      <c r="A61" s="29" t="s">
        <v>424</v>
      </c>
      <c r="B61" s="426">
        <v>101850684.26000001</v>
      </c>
      <c r="C61" s="426">
        <v>99723650.75</v>
      </c>
      <c r="D61" s="426">
        <v>99084064.140000001</v>
      </c>
      <c r="E61" s="426">
        <v>85758204.630000025</v>
      </c>
      <c r="F61" s="426">
        <v>77576991.719999999</v>
      </c>
      <c r="G61" s="426">
        <v>889769661.92999995</v>
      </c>
      <c r="H61" s="622">
        <v>873896400</v>
      </c>
      <c r="O61" s="205"/>
      <c r="P61" s="207"/>
    </row>
    <row r="62" spans="1:16" ht="10.5" x14ac:dyDescent="0.2">
      <c r="A62" s="29" t="s">
        <v>183</v>
      </c>
      <c r="B62" s="426">
        <v>18123189.210000001</v>
      </c>
      <c r="C62" s="426">
        <v>12286095.76</v>
      </c>
      <c r="D62" s="426">
        <v>13227927.48</v>
      </c>
      <c r="E62" s="426">
        <v>12956345.77</v>
      </c>
      <c r="F62" s="426">
        <v>15606892.98</v>
      </c>
      <c r="G62" s="426">
        <v>147015117.76000002</v>
      </c>
      <c r="H62" s="513">
        <v>208631300</v>
      </c>
      <c r="O62" s="205"/>
      <c r="P62" s="207"/>
    </row>
    <row r="63" spans="1:16" s="66" customFormat="1" ht="10.5" x14ac:dyDescent="0.2">
      <c r="A63" s="129" t="s">
        <v>184</v>
      </c>
      <c r="B63" s="424">
        <v>357949349.91999996</v>
      </c>
      <c r="C63" s="424">
        <v>351066648.92000002</v>
      </c>
      <c r="D63" s="424">
        <v>315494352.34999996</v>
      </c>
      <c r="E63" s="424">
        <v>316556399.42000002</v>
      </c>
      <c r="F63" s="424">
        <v>319416801.27000004</v>
      </c>
      <c r="G63" s="424">
        <v>3957160835.4140005</v>
      </c>
      <c r="H63" s="514">
        <v>4108290300</v>
      </c>
      <c r="I63" s="155"/>
      <c r="O63" s="207"/>
      <c r="P63" s="207"/>
    </row>
    <row r="64" spans="1:16" ht="10.5" x14ac:dyDescent="0.2">
      <c r="A64" s="29" t="s">
        <v>185</v>
      </c>
      <c r="B64" s="426">
        <v>201435022.53</v>
      </c>
      <c r="C64" s="426">
        <v>189168457.36000001</v>
      </c>
      <c r="D64" s="426">
        <v>174348343.78</v>
      </c>
      <c r="E64" s="426">
        <v>174851726.5</v>
      </c>
      <c r="F64" s="426">
        <v>178475092.58000001</v>
      </c>
      <c r="G64" s="426">
        <v>2168006972.0840001</v>
      </c>
      <c r="H64" s="513">
        <v>2199871000</v>
      </c>
      <c r="O64" s="205"/>
      <c r="P64" s="207"/>
    </row>
    <row r="65" spans="1:16" ht="10.5" x14ac:dyDescent="0.2">
      <c r="A65" s="29" t="s">
        <v>365</v>
      </c>
      <c r="B65" s="426">
        <v>34436010.299999997</v>
      </c>
      <c r="C65" s="426">
        <v>43488151.299999997</v>
      </c>
      <c r="D65" s="426">
        <v>31739994.289999999</v>
      </c>
      <c r="E65" s="426">
        <v>33416311.260000002</v>
      </c>
      <c r="F65" s="426">
        <v>27904732.18</v>
      </c>
      <c r="G65" s="426">
        <v>405046589.12000006</v>
      </c>
      <c r="H65" s="513">
        <v>383000000</v>
      </c>
      <c r="O65" s="205"/>
      <c r="P65" s="207"/>
    </row>
    <row r="66" spans="1:16" ht="10.5" x14ac:dyDescent="0.2">
      <c r="A66" s="29" t="s">
        <v>425</v>
      </c>
      <c r="B66" s="426">
        <v>0</v>
      </c>
      <c r="C66" s="426">
        <v>140815.89000000001</v>
      </c>
      <c r="D66" s="426">
        <v>70572.039999999994</v>
      </c>
      <c r="E66" s="426">
        <v>0</v>
      </c>
      <c r="F66" s="426">
        <v>0</v>
      </c>
      <c r="G66" s="426">
        <v>730008.3600000001</v>
      </c>
      <c r="H66" s="513">
        <v>28000000</v>
      </c>
      <c r="O66" s="205"/>
      <c r="P66" s="207"/>
    </row>
    <row r="67" spans="1:16" ht="10.5" x14ac:dyDescent="0.2">
      <c r="A67" s="29" t="s">
        <v>223</v>
      </c>
      <c r="B67" s="426">
        <v>0</v>
      </c>
      <c r="C67" s="426">
        <v>0</v>
      </c>
      <c r="D67" s="426">
        <v>0</v>
      </c>
      <c r="E67" s="426">
        <v>0</v>
      </c>
      <c r="F67" s="426">
        <v>0</v>
      </c>
      <c r="G67" s="426">
        <v>-7556</v>
      </c>
      <c r="H67" s="513">
        <v>31897000</v>
      </c>
      <c r="O67" s="205"/>
      <c r="P67" s="207"/>
    </row>
    <row r="68" spans="1:16" s="66" customFormat="1" ht="10.5" x14ac:dyDescent="0.2">
      <c r="A68" s="29" t="s">
        <v>226</v>
      </c>
      <c r="B68" s="426">
        <v>122078317.09</v>
      </c>
      <c r="C68" s="426">
        <v>118269224.37</v>
      </c>
      <c r="D68" s="426">
        <v>109335442.23999999</v>
      </c>
      <c r="E68" s="426">
        <v>108288361.66000001</v>
      </c>
      <c r="F68" s="426">
        <v>113036976.51000001</v>
      </c>
      <c r="G68" s="426">
        <v>1383384821.8500001</v>
      </c>
      <c r="H68" s="513">
        <v>1465522300</v>
      </c>
      <c r="I68" s="221"/>
      <c r="J68" s="268"/>
      <c r="K68" s="268"/>
      <c r="L68" s="268"/>
      <c r="O68" s="207"/>
      <c r="P68" s="207"/>
    </row>
    <row r="69" spans="1:16" s="66" customFormat="1" ht="15" customHeight="1" x14ac:dyDescent="0.2">
      <c r="A69" s="27" t="s">
        <v>234</v>
      </c>
      <c r="B69" s="365">
        <v>805219810.36000001</v>
      </c>
      <c r="C69" s="365">
        <v>778269690.8900001</v>
      </c>
      <c r="D69" s="365">
        <v>740240622.6500001</v>
      </c>
      <c r="E69" s="365">
        <v>730520943.57999992</v>
      </c>
      <c r="F69" s="365">
        <v>746973268.98000002</v>
      </c>
      <c r="G69" s="365">
        <v>9027525808.7059975</v>
      </c>
      <c r="H69" s="438">
        <v>9296165900</v>
      </c>
      <c r="I69" s="155"/>
      <c r="O69" s="207"/>
      <c r="P69" s="207"/>
    </row>
    <row r="70" spans="1:16" ht="10.5" x14ac:dyDescent="0.2">
      <c r="A70" s="74" t="s">
        <v>848</v>
      </c>
      <c r="B70" s="317"/>
      <c r="C70" s="317"/>
      <c r="D70" s="317"/>
      <c r="E70" s="317"/>
      <c r="F70" s="317"/>
      <c r="G70" s="317"/>
      <c r="H70" s="318"/>
    </row>
    <row r="79" spans="1:16" s="45" customFormat="1" ht="11.25" customHeight="1" x14ac:dyDescent="0.2"/>
    <row r="80" spans="1:16" s="45" customFormat="1" ht="11.25" customHeight="1" x14ac:dyDescent="0.2"/>
    <row r="81" s="45" customFormat="1" ht="11.25" customHeight="1" x14ac:dyDescent="0.2"/>
    <row r="82" s="45" customFormat="1" ht="11.25" customHeight="1" x14ac:dyDescent="0.2"/>
    <row r="83" s="45" customFormat="1" ht="11.25" customHeight="1" x14ac:dyDescent="0.2"/>
    <row r="84" s="45" customFormat="1" ht="11.25" customHeight="1" x14ac:dyDescent="0.2"/>
    <row r="85" s="45" customFormat="1" ht="11.25" customHeight="1" x14ac:dyDescent="0.2"/>
  </sheetData>
  <customSheetViews>
    <customSheetView guid="{C779D862-DE28-46CD-A428-4AAA1056D1E1}" showPageBreaks="1" showGridLines="0" fitToPage="1" printArea="1" topLeftCell="A43">
      <selection activeCell="A7" sqref="A7:E7"/>
      <pageMargins left="0.19685039370078741" right="0.19685039370078741" top="0.59055118110236227" bottom="0.19685039370078741" header="0" footer="0"/>
      <printOptions horizontalCentered="1"/>
      <pageSetup paperSize="9" scale="55" orientation="portrait" r:id="rId1"/>
      <headerFooter alignWithMargins="0"/>
    </customSheetView>
    <customSheetView guid="{3AAF6A5F-F9AA-430B-9AD9-1261ECDF41B5}" showPageBreaks="1" showGridLines="0" fitToPage="1" printArea="1" topLeftCell="A19">
      <selection activeCell="B46" sqref="B46:F46"/>
      <pageMargins left="0.19685039370078741" right="0.19685039370078741" top="0.59055118110236227" bottom="0.19685039370078741" header="0" footer="0"/>
      <printOptions horizontalCentered="1"/>
      <pageSetup paperSize="9" scale="55" orientation="portrait" r:id="rId2"/>
      <headerFooter alignWithMargins="0"/>
    </customSheetView>
    <customSheetView guid="{25EF1E0D-169B-4051-B414-7E1196FC05E4}" showPageBreaks="1" showGridLines="0" fitToPage="1" printArea="1">
      <selection activeCell="F51" activeCellId="5" sqref="H20 B51 C51 D51 E51 F51"/>
      <pageMargins left="0.19685039370078741" right="0.19685039370078741" top="0.59055118110236227" bottom="0.19685039370078741" header="0" footer="0"/>
      <printOptions horizontalCentered="1"/>
      <pageSetup paperSize="9" scale="56" orientation="portrait" r:id="rId3"/>
      <headerFooter alignWithMargins="0"/>
    </customSheetView>
    <customSheetView guid="{82EDB5A4-4824-4632-A540-7A52C92F04C7}" scale="90" showPageBreaks="1" showGridLines="0" fitToPage="1" printArea="1" topLeftCell="A22">
      <selection activeCell="F51" activeCellId="5" sqref="H20 B51 C51 D51 E51 F51"/>
      <pageMargins left="0.19685039370078741" right="0.19685039370078741" top="0.59055118110236227" bottom="0.19685039370078741" header="0" footer="0"/>
      <printOptions horizontalCentered="1"/>
      <pageSetup paperSize="9" scale="56" orientation="portrait" r:id="rId4"/>
      <headerFooter alignWithMargins="0"/>
    </customSheetView>
    <customSheetView guid="{15F968AB-9DD6-4E60-9FDC-FEF44C5FFDCB}" showPageBreaks="1" showGridLines="0" fitToPage="1" printArea="1">
      <pageMargins left="0.39370078740157483" right="0.39370078740157483" top="0.59055118110236227" bottom="0.59055118110236227" header="0" footer="0"/>
      <printOptions horizontalCentered="1"/>
      <pageSetup paperSize="9" scale="54" orientation="portrait" r:id="rId5"/>
      <headerFooter alignWithMargins="0"/>
    </customSheetView>
    <customSheetView guid="{D5976633-8ECB-4B00-B200-C7467CF5B10F}" showGridLines="0" fitToPage="1" topLeftCell="A46">
      <selection activeCell="A70" sqref="A70"/>
      <pageMargins left="0.39370078740157483" right="0.39370078740157483" top="0.98425196850393704" bottom="0.98425196850393704" header="0" footer="0.19685039370078741"/>
      <printOptions horizontalCentered="1"/>
      <pageSetup paperSize="9" scale="57" fitToHeight="4" orientation="portrait" r:id="rId6"/>
      <headerFooter alignWithMargins="0"/>
    </customSheetView>
    <customSheetView guid="{B4FED47C-EE37-4843-A570-282D4F8229D4}" showGridLines="0" fitToPage="1">
      <pageMargins left="0.19685039370078741" right="0.19685039370078741" top="0.59055118110236227" bottom="0.19685039370078741" header="0" footer="0"/>
      <printOptions horizontalCentered="1"/>
      <pageSetup paperSize="9" scale="55" orientation="portrait" r:id="rId7"/>
      <headerFooter alignWithMargins="0"/>
    </customSheetView>
    <customSheetView guid="{6DBFA32C-4AA4-4E1D-9A48-697377C64CC3}" showPageBreaks="1" showGridLines="0" fitToPage="1" printArea="1" topLeftCell="A16">
      <selection activeCell="A72" sqref="A72"/>
      <pageMargins left="0.19685039370078741" right="0.19685039370078741" top="0.59055118110236227" bottom="0.19685039370078741" header="0" footer="0"/>
      <printOptions horizontalCentered="1"/>
      <pageSetup paperSize="9" scale="56" orientation="portrait" r:id="rId8"/>
      <headerFooter alignWithMargins="0"/>
    </customSheetView>
    <customSheetView guid="{09DEEE52-8A8D-4F12-80E3-55185B30DF10}" showGridLines="0" fitToPage="1">
      <pageMargins left="0.19685039370078741" right="0.19685039370078741" top="0.59055118110236227" bottom="0.19685039370078741" header="0" footer="0"/>
      <printOptions horizontalCentered="1"/>
      <pageSetup paperSize="9" scale="55" orientation="portrait" r:id="rId9"/>
      <headerFooter alignWithMargins="0"/>
    </customSheetView>
  </customSheetViews>
  <mergeCells count="8">
    <mergeCell ref="B10:H11"/>
    <mergeCell ref="B41:F42"/>
    <mergeCell ref="A39:H39"/>
    <mergeCell ref="A3:H3"/>
    <mergeCell ref="A4:H4"/>
    <mergeCell ref="A5:H5"/>
    <mergeCell ref="A6:H6"/>
    <mergeCell ref="A7:H7"/>
  </mergeCells>
  <printOptions horizontalCentered="1"/>
  <pageMargins left="0.19685039370078741" right="0.19685039370078741" top="0.59055118110236227" bottom="0.19685039370078741" header="0" footer="0"/>
  <pageSetup paperSize="9" scale="55" orientation="portrait" r:id="rId10"/>
  <headerFooter alignWithMargins="0"/>
  <ignoredErrors>
    <ignoredError sqref="H43" numberStoredAsText="1"/>
  </ignoredErrors>
  <drawing r:id="rId1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136"/>
  <sheetViews>
    <sheetView showGridLines="0" zoomScaleNormal="100" workbookViewId="0"/>
  </sheetViews>
  <sheetFormatPr defaultColWidth="7.85546875" defaultRowHeight="11.25" customHeight="1" x14ac:dyDescent="0.2"/>
  <cols>
    <col min="1" max="1" width="70.5703125" style="179" customWidth="1"/>
    <col min="2" max="3" width="21.7109375" style="179" bestFit="1" customWidth="1"/>
    <col min="4" max="5" width="19" style="179" bestFit="1" customWidth="1"/>
    <col min="6" max="6" width="20.140625" style="178" customWidth="1"/>
    <col min="7" max="7" width="19" style="179" bestFit="1" customWidth="1"/>
    <col min="8" max="8" width="17.42578125" style="179" bestFit="1" customWidth="1"/>
    <col min="9" max="9" width="17.42578125" style="178" bestFit="1" customWidth="1"/>
    <col min="10" max="10" width="29.140625" style="221" customWidth="1"/>
    <col min="11" max="16384" width="7.85546875" style="179"/>
  </cols>
  <sheetData>
    <row r="1" spans="1:11" s="26" customFormat="1" ht="10.5" x14ac:dyDescent="0.2">
      <c r="A1" s="294"/>
      <c r="B1" s="294"/>
      <c r="C1" s="294"/>
      <c r="D1" s="294"/>
      <c r="E1" s="294"/>
      <c r="F1" s="294"/>
      <c r="G1" s="294"/>
      <c r="H1" s="294"/>
      <c r="I1" s="294"/>
      <c r="J1" s="112"/>
    </row>
    <row r="2" spans="1:11" s="26" customFormat="1" ht="11.25" customHeight="1" x14ac:dyDescent="0.2">
      <c r="A2" s="180"/>
      <c r="F2" s="112"/>
      <c r="I2" s="112"/>
      <c r="J2" s="112"/>
    </row>
    <row r="3" spans="1:11" s="45" customFormat="1" ht="11.25" customHeight="1" x14ac:dyDescent="0.2">
      <c r="A3" s="720" t="s">
        <v>638</v>
      </c>
      <c r="B3" s="720"/>
      <c r="C3" s="720"/>
      <c r="D3" s="720"/>
      <c r="E3" s="720"/>
      <c r="F3" s="720"/>
      <c r="G3" s="720"/>
      <c r="H3" s="720"/>
      <c r="I3" s="720"/>
      <c r="J3" s="62"/>
    </row>
    <row r="4" spans="1:11" s="45" customFormat="1" ht="11.25" customHeight="1" x14ac:dyDescent="0.2">
      <c r="A4" s="720" t="s">
        <v>105</v>
      </c>
      <c r="B4" s="720"/>
      <c r="C4" s="720"/>
      <c r="D4" s="720"/>
      <c r="E4" s="720"/>
      <c r="F4" s="720"/>
      <c r="G4" s="720"/>
      <c r="H4" s="720"/>
      <c r="I4" s="720"/>
      <c r="J4" s="62"/>
    </row>
    <row r="5" spans="1:11" s="45" customFormat="1" ht="11.25" customHeight="1" x14ac:dyDescent="0.2">
      <c r="A5" s="720" t="s">
        <v>127</v>
      </c>
      <c r="B5" s="720"/>
      <c r="C5" s="720"/>
      <c r="D5" s="720"/>
      <c r="E5" s="720"/>
      <c r="F5" s="720"/>
      <c r="G5" s="720"/>
      <c r="H5" s="720"/>
      <c r="I5" s="720"/>
      <c r="J5" s="56"/>
    </row>
    <row r="6" spans="1:11" s="45" customFormat="1" ht="11.25" customHeight="1" x14ac:dyDescent="0.2">
      <c r="A6" s="772" t="s">
        <v>739</v>
      </c>
      <c r="B6" s="772"/>
      <c r="C6" s="772"/>
      <c r="D6" s="772"/>
      <c r="E6" s="772"/>
      <c r="F6" s="772"/>
      <c r="G6" s="772"/>
      <c r="H6" s="772"/>
      <c r="I6" s="772"/>
      <c r="J6" s="56"/>
    </row>
    <row r="7" spans="1:11" s="45" customFormat="1" ht="11.25" customHeight="1" x14ac:dyDescent="0.2">
      <c r="A7" s="720" t="s">
        <v>891</v>
      </c>
      <c r="B7" s="720"/>
      <c r="C7" s="720"/>
      <c r="D7" s="720"/>
      <c r="E7" s="720"/>
      <c r="F7" s="720"/>
      <c r="G7" s="720"/>
      <c r="H7" s="720"/>
      <c r="I7" s="720"/>
      <c r="J7" s="56"/>
    </row>
    <row r="8" spans="1:11" s="26" customFormat="1" ht="11.25" customHeight="1" x14ac:dyDescent="0.2">
      <c r="F8" s="112"/>
      <c r="I8" s="112"/>
      <c r="J8" s="112"/>
    </row>
    <row r="9" spans="1:11" s="26" customFormat="1" ht="11.25" customHeight="1" x14ac:dyDescent="0.2">
      <c r="A9" s="26" t="s">
        <v>366</v>
      </c>
      <c r="F9" s="808"/>
      <c r="G9" s="808"/>
      <c r="I9" s="620">
        <v>1</v>
      </c>
      <c r="J9" s="112"/>
    </row>
    <row r="10" spans="1:11" s="66" customFormat="1" ht="15" customHeight="1" x14ac:dyDescent="0.15">
      <c r="A10" s="781" t="s">
        <v>110</v>
      </c>
      <c r="B10" s="798" t="s">
        <v>108</v>
      </c>
      <c r="C10" s="799"/>
      <c r="D10" s="798" t="s">
        <v>108</v>
      </c>
      <c r="E10" s="799"/>
      <c r="F10" s="793" t="s">
        <v>109</v>
      </c>
      <c r="G10" s="800"/>
      <c r="H10" s="800"/>
      <c r="I10" s="800"/>
      <c r="J10" s="155"/>
    </row>
    <row r="11" spans="1:11" s="66" customFormat="1" ht="15" customHeight="1" x14ac:dyDescent="0.2">
      <c r="A11" s="784"/>
      <c r="B11" s="801" t="s">
        <v>111</v>
      </c>
      <c r="C11" s="802"/>
      <c r="D11" s="804" t="s">
        <v>112</v>
      </c>
      <c r="E11" s="784"/>
      <c r="F11" s="779" t="s">
        <v>115</v>
      </c>
      <c r="G11" s="781"/>
      <c r="H11" s="779" t="s">
        <v>115</v>
      </c>
      <c r="I11" s="780"/>
      <c r="J11" s="155"/>
    </row>
    <row r="12" spans="1:11" s="66" customFormat="1" ht="15" customHeight="1" x14ac:dyDescent="0.2">
      <c r="A12" s="785"/>
      <c r="B12" s="794"/>
      <c r="C12" s="803"/>
      <c r="D12" s="805"/>
      <c r="E12" s="785"/>
      <c r="F12" s="801">
        <v>2016</v>
      </c>
      <c r="G12" s="802"/>
      <c r="H12" s="804">
        <v>2015</v>
      </c>
      <c r="I12" s="809"/>
      <c r="J12" s="155"/>
    </row>
    <row r="13" spans="1:11" ht="10.5" x14ac:dyDescent="0.2">
      <c r="A13" s="155" t="s">
        <v>281</v>
      </c>
      <c r="B13" s="718">
        <v>442897000</v>
      </c>
      <c r="C13" s="719"/>
      <c r="D13" s="718">
        <v>614436499.86000001</v>
      </c>
      <c r="E13" s="719"/>
      <c r="F13" s="718">
        <v>257281090.39999998</v>
      </c>
      <c r="G13" s="719"/>
      <c r="H13" s="718">
        <v>212605638.22000003</v>
      </c>
      <c r="I13" s="751"/>
      <c r="J13" s="408"/>
      <c r="K13" s="205"/>
    </row>
    <row r="14" spans="1:11" ht="10.5" x14ac:dyDescent="0.2">
      <c r="A14" s="155" t="s">
        <v>8</v>
      </c>
      <c r="B14" s="716">
        <v>442897000</v>
      </c>
      <c r="C14" s="717"/>
      <c r="D14" s="716">
        <v>614436499.86000001</v>
      </c>
      <c r="E14" s="717"/>
      <c r="F14" s="716">
        <v>257281090.39999998</v>
      </c>
      <c r="G14" s="717"/>
      <c r="H14" s="716">
        <v>212605638.22000003</v>
      </c>
      <c r="I14" s="741"/>
      <c r="J14" s="408"/>
      <c r="K14" s="205"/>
    </row>
    <row r="15" spans="1:11" ht="10.5" x14ac:dyDescent="0.2">
      <c r="A15" s="179" t="s">
        <v>128</v>
      </c>
      <c r="B15" s="704">
        <v>411000000</v>
      </c>
      <c r="C15" s="705"/>
      <c r="D15" s="704">
        <v>568304143.02999997</v>
      </c>
      <c r="E15" s="705"/>
      <c r="F15" s="704">
        <v>243045733.56999999</v>
      </c>
      <c r="G15" s="705"/>
      <c r="H15" s="704">
        <v>205789025.97</v>
      </c>
      <c r="I15" s="752"/>
      <c r="J15" s="408"/>
      <c r="K15" s="205"/>
    </row>
    <row r="16" spans="1:11" ht="10.5" x14ac:dyDescent="0.2">
      <c r="A16" s="179" t="s">
        <v>282</v>
      </c>
      <c r="B16" s="704">
        <v>143000000</v>
      </c>
      <c r="C16" s="705"/>
      <c r="D16" s="704">
        <v>300304143.02999997</v>
      </c>
      <c r="E16" s="705"/>
      <c r="F16" s="704">
        <v>206383769.23999998</v>
      </c>
      <c r="G16" s="705"/>
      <c r="H16" s="704">
        <v>174720673.72</v>
      </c>
      <c r="I16" s="752"/>
      <c r="J16" s="408"/>
      <c r="K16" s="205"/>
    </row>
    <row r="17" spans="1:11" ht="10.5" x14ac:dyDescent="0.2">
      <c r="A17" s="268" t="s">
        <v>129</v>
      </c>
      <c r="B17" s="704">
        <v>0</v>
      </c>
      <c r="C17" s="705"/>
      <c r="D17" s="704">
        <v>157304143.03</v>
      </c>
      <c r="E17" s="705"/>
      <c r="F17" s="704">
        <v>157304143.03</v>
      </c>
      <c r="G17" s="705"/>
      <c r="H17" s="704">
        <v>138831315.25999999</v>
      </c>
      <c r="I17" s="752"/>
      <c r="J17" s="408"/>
      <c r="K17" s="205"/>
    </row>
    <row r="18" spans="1:11" ht="10.5" x14ac:dyDescent="0.2">
      <c r="A18" s="179" t="s">
        <v>130</v>
      </c>
      <c r="B18" s="704">
        <v>98000000</v>
      </c>
      <c r="C18" s="705"/>
      <c r="D18" s="704">
        <v>98000000</v>
      </c>
      <c r="E18" s="705"/>
      <c r="F18" s="704">
        <v>40579545.509999998</v>
      </c>
      <c r="G18" s="705"/>
      <c r="H18" s="704">
        <v>29522523.050000001</v>
      </c>
      <c r="I18" s="752"/>
      <c r="J18" s="408"/>
      <c r="K18" s="205"/>
    </row>
    <row r="19" spans="1:11" ht="10.5" x14ac:dyDescent="0.2">
      <c r="A19" s="179" t="s">
        <v>131</v>
      </c>
      <c r="B19" s="704">
        <v>45000000</v>
      </c>
      <c r="C19" s="705"/>
      <c r="D19" s="704">
        <v>45000000</v>
      </c>
      <c r="E19" s="705"/>
      <c r="F19" s="704">
        <v>8500080.6999999993</v>
      </c>
      <c r="G19" s="705"/>
      <c r="H19" s="704">
        <v>6366835.4100000001</v>
      </c>
      <c r="I19" s="752"/>
      <c r="J19" s="408"/>
      <c r="K19" s="205"/>
    </row>
    <row r="20" spans="1:11" ht="10.5" x14ac:dyDescent="0.2">
      <c r="A20" s="179" t="s">
        <v>283</v>
      </c>
      <c r="B20" s="704">
        <v>268000000</v>
      </c>
      <c r="C20" s="705"/>
      <c r="D20" s="704">
        <v>268000000</v>
      </c>
      <c r="E20" s="705"/>
      <c r="F20" s="704">
        <v>36661964.330000006</v>
      </c>
      <c r="G20" s="705"/>
      <c r="H20" s="704">
        <v>31068352.250000004</v>
      </c>
      <c r="I20" s="752"/>
      <c r="J20" s="408"/>
      <c r="K20" s="205"/>
    </row>
    <row r="21" spans="1:11" ht="10.5" x14ac:dyDescent="0.2">
      <c r="A21" s="179" t="s">
        <v>132</v>
      </c>
      <c r="B21" s="704">
        <v>185000000</v>
      </c>
      <c r="C21" s="705"/>
      <c r="D21" s="704">
        <v>185000000</v>
      </c>
      <c r="E21" s="705"/>
      <c r="F21" s="704">
        <v>28695377.370000001</v>
      </c>
      <c r="G21" s="705"/>
      <c r="H21" s="704">
        <v>24020531.350000001</v>
      </c>
      <c r="I21" s="752"/>
      <c r="J21" s="408"/>
      <c r="K21" s="205"/>
    </row>
    <row r="22" spans="1:11" ht="10.5" x14ac:dyDescent="0.2">
      <c r="A22" s="179" t="s">
        <v>133</v>
      </c>
      <c r="B22" s="704">
        <v>55000000</v>
      </c>
      <c r="C22" s="705"/>
      <c r="D22" s="704">
        <v>55000000</v>
      </c>
      <c r="E22" s="705"/>
      <c r="F22" s="704">
        <v>7485330.3600000003</v>
      </c>
      <c r="G22" s="705"/>
      <c r="H22" s="704">
        <v>6618813.4900000002</v>
      </c>
      <c r="I22" s="752"/>
      <c r="J22" s="408"/>
      <c r="K22" s="205"/>
    </row>
    <row r="23" spans="1:11" ht="10.5" x14ac:dyDescent="0.2">
      <c r="A23" s="179" t="s">
        <v>740</v>
      </c>
      <c r="B23" s="704">
        <v>28000000</v>
      </c>
      <c r="C23" s="705"/>
      <c r="D23" s="704">
        <v>28000000</v>
      </c>
      <c r="E23" s="705"/>
      <c r="F23" s="704">
        <v>481256.6</v>
      </c>
      <c r="G23" s="705"/>
      <c r="H23" s="704">
        <v>429007.41</v>
      </c>
      <c r="I23" s="752"/>
      <c r="J23" s="408"/>
      <c r="K23" s="205"/>
    </row>
    <row r="24" spans="1:11" ht="10.5" x14ac:dyDescent="0.2">
      <c r="A24" s="179" t="s">
        <v>155</v>
      </c>
      <c r="B24" s="704">
        <v>0</v>
      </c>
      <c r="C24" s="705"/>
      <c r="D24" s="704">
        <v>0</v>
      </c>
      <c r="E24" s="705"/>
      <c r="F24" s="704">
        <v>0</v>
      </c>
      <c r="G24" s="705"/>
      <c r="H24" s="704">
        <v>1792876.02</v>
      </c>
      <c r="I24" s="752"/>
      <c r="J24" s="408"/>
      <c r="K24" s="205"/>
    </row>
    <row r="25" spans="1:11" ht="10.5" x14ac:dyDescent="0.2">
      <c r="A25" s="179" t="s">
        <v>311</v>
      </c>
      <c r="B25" s="704">
        <v>0</v>
      </c>
      <c r="C25" s="705"/>
      <c r="D25" s="704">
        <v>13218393.939999999</v>
      </c>
      <c r="E25" s="705"/>
      <c r="F25" s="704">
        <v>13218393.939999999</v>
      </c>
      <c r="G25" s="705"/>
      <c r="H25" s="704">
        <v>162450.23999999999</v>
      </c>
      <c r="I25" s="752"/>
      <c r="J25" s="408"/>
      <c r="K25" s="205"/>
    </row>
    <row r="26" spans="1:11" ht="10.5" x14ac:dyDescent="0.2">
      <c r="A26" s="179" t="s">
        <v>16</v>
      </c>
      <c r="B26" s="704">
        <v>0</v>
      </c>
      <c r="C26" s="705"/>
      <c r="D26" s="704">
        <v>7816</v>
      </c>
      <c r="E26" s="705"/>
      <c r="F26" s="704">
        <v>7816</v>
      </c>
      <c r="G26" s="705"/>
      <c r="H26" s="704">
        <v>7923.47</v>
      </c>
      <c r="I26" s="752"/>
      <c r="J26" s="408"/>
      <c r="K26" s="205"/>
    </row>
    <row r="27" spans="1:11" ht="10.5" x14ac:dyDescent="0.2">
      <c r="A27" s="179" t="s">
        <v>17</v>
      </c>
      <c r="B27" s="704">
        <v>0</v>
      </c>
      <c r="C27" s="705"/>
      <c r="D27" s="704">
        <v>13210577.939999999</v>
      </c>
      <c r="E27" s="705"/>
      <c r="F27" s="704">
        <v>13210577.939999999</v>
      </c>
      <c r="G27" s="705"/>
      <c r="H27" s="704">
        <v>154526.76999999999</v>
      </c>
      <c r="I27" s="752"/>
      <c r="J27" s="408"/>
      <c r="K27" s="205"/>
    </row>
    <row r="28" spans="1:11" ht="10.5" x14ac:dyDescent="0.2">
      <c r="A28" s="179" t="s">
        <v>19</v>
      </c>
      <c r="B28" s="704">
        <v>0</v>
      </c>
      <c r="C28" s="705"/>
      <c r="D28" s="704">
        <v>0</v>
      </c>
      <c r="E28" s="705"/>
      <c r="F28" s="716">
        <v>0</v>
      </c>
      <c r="G28" s="717"/>
      <c r="H28" s="704">
        <v>0</v>
      </c>
      <c r="I28" s="752"/>
      <c r="J28" s="408"/>
      <c r="K28" s="205"/>
    </row>
    <row r="29" spans="1:11" ht="10.5" x14ac:dyDescent="0.2">
      <c r="A29" s="179" t="s">
        <v>227</v>
      </c>
      <c r="B29" s="704">
        <v>0</v>
      </c>
      <c r="C29" s="705"/>
      <c r="D29" s="704">
        <v>0</v>
      </c>
      <c r="E29" s="705"/>
      <c r="F29" s="716">
        <v>0</v>
      </c>
      <c r="G29" s="717"/>
      <c r="H29" s="704">
        <v>0</v>
      </c>
      <c r="I29" s="752"/>
      <c r="J29" s="408"/>
      <c r="K29" s="205"/>
    </row>
    <row r="30" spans="1:11" ht="10.5" x14ac:dyDescent="0.2">
      <c r="A30" s="54" t="s">
        <v>284</v>
      </c>
      <c r="B30" s="704">
        <v>31897000</v>
      </c>
      <c r="C30" s="705"/>
      <c r="D30" s="704">
        <v>32913962.890000001</v>
      </c>
      <c r="E30" s="705"/>
      <c r="F30" s="704">
        <v>1016962.89</v>
      </c>
      <c r="G30" s="705"/>
      <c r="H30" s="704">
        <v>4861285.99</v>
      </c>
      <c r="I30" s="752"/>
      <c r="J30" s="408"/>
      <c r="K30" s="205"/>
    </row>
    <row r="31" spans="1:11" ht="10.5" x14ac:dyDescent="0.2">
      <c r="A31" s="122" t="s">
        <v>543</v>
      </c>
      <c r="B31" s="704">
        <v>31897000</v>
      </c>
      <c r="C31" s="705"/>
      <c r="D31" s="704">
        <v>31897000</v>
      </c>
      <c r="E31" s="705"/>
      <c r="F31" s="704">
        <v>0</v>
      </c>
      <c r="G31" s="705"/>
      <c r="H31" s="704">
        <v>887897.9</v>
      </c>
      <c r="I31" s="752"/>
      <c r="J31" s="408"/>
      <c r="K31" s="205"/>
    </row>
    <row r="32" spans="1:11" ht="10.5" x14ac:dyDescent="0.2">
      <c r="A32" s="122" t="s">
        <v>544</v>
      </c>
      <c r="B32" s="704">
        <v>0</v>
      </c>
      <c r="C32" s="705"/>
      <c r="D32" s="704">
        <v>1016962.89</v>
      </c>
      <c r="E32" s="705"/>
      <c r="F32" s="704">
        <v>1016962.89</v>
      </c>
      <c r="G32" s="705"/>
      <c r="H32" s="704">
        <v>3973388.09</v>
      </c>
      <c r="I32" s="752"/>
      <c r="J32" s="408"/>
      <c r="K32" s="45"/>
    </row>
    <row r="33" spans="1:12" ht="10.5" x14ac:dyDescent="0.2">
      <c r="A33" s="156" t="s">
        <v>40</v>
      </c>
      <c r="B33" s="704">
        <v>0</v>
      </c>
      <c r="C33" s="705"/>
      <c r="D33" s="704">
        <v>0</v>
      </c>
      <c r="E33" s="705"/>
      <c r="F33" s="716">
        <v>0</v>
      </c>
      <c r="G33" s="717"/>
      <c r="H33" s="716">
        <v>0</v>
      </c>
      <c r="I33" s="741"/>
      <c r="J33" s="408"/>
      <c r="K33" s="45"/>
    </row>
    <row r="34" spans="1:12" ht="10.5" x14ac:dyDescent="0.2">
      <c r="A34" s="122" t="s">
        <v>120</v>
      </c>
      <c r="B34" s="704">
        <v>0</v>
      </c>
      <c r="C34" s="705"/>
      <c r="D34" s="704">
        <v>0</v>
      </c>
      <c r="E34" s="705"/>
      <c r="F34" s="716">
        <v>0</v>
      </c>
      <c r="G34" s="717"/>
      <c r="H34" s="704"/>
      <c r="I34" s="752"/>
      <c r="J34" s="408"/>
      <c r="K34" s="45"/>
    </row>
    <row r="35" spans="1:12" ht="10.5" x14ac:dyDescent="0.2">
      <c r="A35" s="179" t="s">
        <v>228</v>
      </c>
      <c r="B35" s="704">
        <v>0</v>
      </c>
      <c r="C35" s="705"/>
      <c r="D35" s="704">
        <v>0</v>
      </c>
      <c r="E35" s="705"/>
      <c r="F35" s="716">
        <v>0</v>
      </c>
      <c r="G35" s="717"/>
      <c r="H35" s="704"/>
      <c r="I35" s="752"/>
      <c r="J35" s="408"/>
      <c r="K35" s="45"/>
    </row>
    <row r="36" spans="1:12" ht="10.5" x14ac:dyDescent="0.2">
      <c r="A36" s="122" t="s">
        <v>285</v>
      </c>
      <c r="B36" s="704">
        <v>0</v>
      </c>
      <c r="C36" s="705"/>
      <c r="D36" s="704">
        <v>0</v>
      </c>
      <c r="E36" s="705"/>
      <c r="F36" s="716">
        <v>0</v>
      </c>
      <c r="G36" s="717"/>
      <c r="H36" s="704"/>
      <c r="I36" s="752"/>
      <c r="J36" s="408"/>
      <c r="K36" s="45"/>
    </row>
    <row r="37" spans="1:12" s="66" customFormat="1" ht="10.5" x14ac:dyDescent="0.15">
      <c r="B37" s="704"/>
      <c r="C37" s="705"/>
      <c r="D37" s="704"/>
      <c r="E37" s="705"/>
      <c r="F37" s="716"/>
      <c r="G37" s="717"/>
      <c r="H37" s="704"/>
      <c r="I37" s="752"/>
      <c r="J37" s="203"/>
      <c r="K37" s="674"/>
    </row>
    <row r="38" spans="1:12" ht="15" customHeight="1" x14ac:dyDescent="0.15">
      <c r="A38" s="157" t="s">
        <v>545</v>
      </c>
      <c r="B38" s="708">
        <v>1036054000</v>
      </c>
      <c r="C38" s="709"/>
      <c r="D38" s="708">
        <v>1041439704.12</v>
      </c>
      <c r="E38" s="709"/>
      <c r="F38" s="708">
        <v>351174179.94</v>
      </c>
      <c r="G38" s="709"/>
      <c r="H38" s="708">
        <v>303078211.69</v>
      </c>
      <c r="I38" s="754"/>
      <c r="J38" s="408"/>
      <c r="K38" s="674"/>
      <c r="L38" s="672"/>
    </row>
    <row r="39" spans="1:12" ht="15" customHeight="1" x14ac:dyDescent="0.2">
      <c r="A39" s="123" t="s">
        <v>758</v>
      </c>
      <c r="B39" s="749">
        <v>1478951000</v>
      </c>
      <c r="C39" s="757"/>
      <c r="D39" s="749">
        <v>1655876203.98</v>
      </c>
      <c r="E39" s="757"/>
      <c r="F39" s="749">
        <v>608455270.33999991</v>
      </c>
      <c r="G39" s="757"/>
      <c r="H39" s="749">
        <v>515683849.91000003</v>
      </c>
      <c r="I39" s="750"/>
      <c r="J39" s="408"/>
      <c r="K39" s="674"/>
      <c r="L39" s="673"/>
    </row>
    <row r="40" spans="1:12" ht="5.0999999999999996" customHeight="1" x14ac:dyDescent="0.2">
      <c r="A40" s="124"/>
      <c r="B40" s="121"/>
      <c r="C40" s="121"/>
      <c r="D40" s="15"/>
      <c r="E40" s="121"/>
      <c r="F40" s="74"/>
      <c r="G40" s="74"/>
      <c r="H40" s="25"/>
      <c r="I40" s="25"/>
      <c r="L40" s="672"/>
    </row>
    <row r="41" spans="1:12" s="66" customFormat="1" ht="25.5" customHeight="1" x14ac:dyDescent="0.15">
      <c r="A41" s="781" t="s">
        <v>160</v>
      </c>
      <c r="B41" s="200" t="s">
        <v>157</v>
      </c>
      <c r="C41" s="200" t="s">
        <v>157</v>
      </c>
      <c r="D41" s="729" t="s">
        <v>158</v>
      </c>
      <c r="E41" s="731"/>
      <c r="F41" s="795" t="s">
        <v>159</v>
      </c>
      <c r="G41" s="796"/>
      <c r="H41" s="795" t="s">
        <v>347</v>
      </c>
      <c r="I41" s="797"/>
      <c r="J41" s="155"/>
      <c r="K41" s="675"/>
    </row>
    <row r="42" spans="1:12" s="66" customFormat="1" ht="15" customHeight="1" x14ac:dyDescent="0.2">
      <c r="A42" s="784"/>
      <c r="B42" s="807" t="s">
        <v>111</v>
      </c>
      <c r="C42" s="807" t="s">
        <v>112</v>
      </c>
      <c r="D42" s="172" t="s">
        <v>115</v>
      </c>
      <c r="E42" s="172" t="s">
        <v>115</v>
      </c>
      <c r="F42" s="172" t="s">
        <v>115</v>
      </c>
      <c r="G42" s="172" t="s">
        <v>115</v>
      </c>
      <c r="H42" s="791" t="s">
        <v>871</v>
      </c>
      <c r="I42" s="793" t="s">
        <v>872</v>
      </c>
      <c r="J42" s="155"/>
    </row>
    <row r="43" spans="1:12" s="66" customFormat="1" ht="15" customHeight="1" x14ac:dyDescent="0.2">
      <c r="A43" s="785"/>
      <c r="B43" s="783"/>
      <c r="C43" s="783"/>
      <c r="D43" s="173">
        <v>2016</v>
      </c>
      <c r="E43" s="174">
        <v>2015</v>
      </c>
      <c r="F43" s="173">
        <v>2016</v>
      </c>
      <c r="G43" s="174">
        <v>2015</v>
      </c>
      <c r="H43" s="792"/>
      <c r="I43" s="794"/>
      <c r="J43" s="155"/>
    </row>
    <row r="44" spans="1:12" ht="10.5" x14ac:dyDescent="0.2">
      <c r="A44" s="158" t="s">
        <v>134</v>
      </c>
      <c r="B44" s="430">
        <v>1480951000</v>
      </c>
      <c r="C44" s="515">
        <v>2588016918.6199999</v>
      </c>
      <c r="D44" s="515">
        <v>2147339224.9399998</v>
      </c>
      <c r="E44" s="515">
        <v>1271794775.0500002</v>
      </c>
      <c r="F44" s="515">
        <v>1574470854.4300001</v>
      </c>
      <c r="G44" s="515">
        <v>1219271763.01</v>
      </c>
      <c r="H44" s="515">
        <v>0</v>
      </c>
      <c r="I44" s="515">
        <v>0</v>
      </c>
    </row>
    <row r="45" spans="1:12" ht="10.5" x14ac:dyDescent="0.2">
      <c r="A45" s="66" t="s">
        <v>280</v>
      </c>
      <c r="B45" s="423">
        <v>15250000</v>
      </c>
      <c r="C45" s="516">
        <v>14546875.870000001</v>
      </c>
      <c r="D45" s="516">
        <v>2488626.0099999998</v>
      </c>
      <c r="E45" s="516">
        <v>1008427.96</v>
      </c>
      <c r="F45" s="516">
        <v>1167136.8</v>
      </c>
      <c r="G45" s="516">
        <v>922214.96</v>
      </c>
      <c r="H45" s="516">
        <v>0</v>
      </c>
      <c r="I45" s="515">
        <v>0</v>
      </c>
    </row>
    <row r="46" spans="1:12" ht="10.5" x14ac:dyDescent="0.2">
      <c r="A46" s="26" t="s">
        <v>286</v>
      </c>
      <c r="B46" s="425">
        <v>7800000</v>
      </c>
      <c r="C46" s="517">
        <v>7096875.8700000001</v>
      </c>
      <c r="D46" s="517">
        <v>2488626.0099999998</v>
      </c>
      <c r="E46" s="517">
        <v>1008427.96</v>
      </c>
      <c r="F46" s="517">
        <v>1167136.8</v>
      </c>
      <c r="G46" s="517">
        <v>922214.96</v>
      </c>
      <c r="H46" s="517">
        <v>0</v>
      </c>
      <c r="I46" s="518">
        <v>0</v>
      </c>
    </row>
    <row r="47" spans="1:12" ht="10.5" x14ac:dyDescent="0.2">
      <c r="A47" s="26" t="s">
        <v>287</v>
      </c>
      <c r="B47" s="425">
        <v>7450000</v>
      </c>
      <c r="C47" s="517">
        <v>7450000</v>
      </c>
      <c r="D47" s="517">
        <v>0</v>
      </c>
      <c r="E47" s="517">
        <v>0</v>
      </c>
      <c r="F47" s="517">
        <v>0</v>
      </c>
      <c r="G47" s="517">
        <v>0</v>
      </c>
      <c r="H47" s="517">
        <v>0</v>
      </c>
      <c r="I47" s="518">
        <v>0</v>
      </c>
    </row>
    <row r="48" spans="1:12" ht="10.5" x14ac:dyDescent="0.2">
      <c r="A48" s="294" t="s">
        <v>135</v>
      </c>
      <c r="B48" s="423">
        <v>1465701000</v>
      </c>
      <c r="C48" s="516">
        <v>2573470042.75</v>
      </c>
      <c r="D48" s="516">
        <v>2144850598.9299998</v>
      </c>
      <c r="E48" s="516">
        <v>1270786347.0900002</v>
      </c>
      <c r="F48" s="516">
        <v>1573303717.6300001</v>
      </c>
      <c r="G48" s="516">
        <v>1218349548.05</v>
      </c>
      <c r="H48" s="516">
        <v>0</v>
      </c>
      <c r="I48" s="518">
        <v>0</v>
      </c>
    </row>
    <row r="49" spans="1:11" ht="10.5" x14ac:dyDescent="0.2">
      <c r="A49" s="26" t="s">
        <v>201</v>
      </c>
      <c r="B49" s="425">
        <v>1143281000</v>
      </c>
      <c r="C49" s="517">
        <v>2172532892.27</v>
      </c>
      <c r="D49" s="517">
        <v>1775722548.2699997</v>
      </c>
      <c r="E49" s="517">
        <v>1089280658.3800001</v>
      </c>
      <c r="F49" s="517">
        <v>1316349310.22</v>
      </c>
      <c r="G49" s="517">
        <v>1048772267.0599999</v>
      </c>
      <c r="H49" s="517">
        <v>0</v>
      </c>
      <c r="I49" s="518">
        <v>0</v>
      </c>
    </row>
    <row r="50" spans="1:11" ht="10.5" x14ac:dyDescent="0.2">
      <c r="A50" s="26" t="s">
        <v>288</v>
      </c>
      <c r="B50" s="425">
        <v>929496400</v>
      </c>
      <c r="C50" s="517">
        <v>1845044816.5599999</v>
      </c>
      <c r="D50" s="517">
        <v>1541524840.4199998</v>
      </c>
      <c r="E50" s="517">
        <v>928582995.77999997</v>
      </c>
      <c r="F50" s="517">
        <v>1106744813.1800001</v>
      </c>
      <c r="G50" s="517">
        <v>915311874.94000006</v>
      </c>
      <c r="H50" s="517">
        <v>0</v>
      </c>
      <c r="I50" s="518">
        <v>0</v>
      </c>
    </row>
    <row r="51" spans="1:11" ht="10.5" x14ac:dyDescent="0.2">
      <c r="A51" s="26" t="s">
        <v>289</v>
      </c>
      <c r="B51" s="425">
        <v>196597000</v>
      </c>
      <c r="C51" s="517">
        <v>300974113.31</v>
      </c>
      <c r="D51" s="517">
        <v>208884036.55000001</v>
      </c>
      <c r="E51" s="517">
        <v>151938666.15000001</v>
      </c>
      <c r="F51" s="517">
        <v>197550777.19</v>
      </c>
      <c r="G51" s="517">
        <v>126742185.06999999</v>
      </c>
      <c r="H51" s="517">
        <v>0</v>
      </c>
      <c r="I51" s="518">
        <v>0</v>
      </c>
    </row>
    <row r="52" spans="1:11" s="195" customFormat="1" ht="10.5" x14ac:dyDescent="0.15">
      <c r="A52" s="26" t="s">
        <v>290</v>
      </c>
      <c r="B52" s="519">
        <v>17187600</v>
      </c>
      <c r="C52" s="517">
        <v>26513962.399999999</v>
      </c>
      <c r="D52" s="517">
        <v>25313671.300000001</v>
      </c>
      <c r="E52" s="517">
        <v>8758996.4499999993</v>
      </c>
      <c r="F52" s="517">
        <v>12053719.85</v>
      </c>
      <c r="G52" s="517">
        <v>6718207.0499999998</v>
      </c>
      <c r="H52" s="517">
        <v>0</v>
      </c>
      <c r="I52" s="518">
        <v>0</v>
      </c>
      <c r="J52" s="360"/>
    </row>
    <row r="53" spans="1:11" s="195" customFormat="1" ht="10.5" x14ac:dyDescent="0.15">
      <c r="A53" s="26" t="s">
        <v>202</v>
      </c>
      <c r="B53" s="507">
        <v>304920000</v>
      </c>
      <c r="C53" s="517">
        <v>358437150.48000002</v>
      </c>
      <c r="D53" s="517">
        <v>327587150.48000002</v>
      </c>
      <c r="E53" s="517">
        <v>176914399.42000002</v>
      </c>
      <c r="F53" s="517">
        <v>239147206.18000001</v>
      </c>
      <c r="G53" s="517">
        <v>164987319.94</v>
      </c>
      <c r="H53" s="517">
        <v>0</v>
      </c>
      <c r="I53" s="518">
        <v>0</v>
      </c>
      <c r="J53" s="360"/>
    </row>
    <row r="54" spans="1:11" s="195" customFormat="1" ht="10.5" x14ac:dyDescent="0.15">
      <c r="A54" s="26" t="s">
        <v>291</v>
      </c>
      <c r="B54" s="519">
        <v>264240000</v>
      </c>
      <c r="C54" s="517">
        <v>316421150.48000002</v>
      </c>
      <c r="D54" s="517">
        <v>286371150.48000002</v>
      </c>
      <c r="E54" s="517">
        <v>154015253.99000001</v>
      </c>
      <c r="F54" s="517">
        <v>208997312.36000001</v>
      </c>
      <c r="G54" s="517">
        <v>144844944.13999999</v>
      </c>
      <c r="H54" s="517">
        <v>0</v>
      </c>
      <c r="I54" s="518">
        <v>0</v>
      </c>
      <c r="J54" s="360"/>
    </row>
    <row r="55" spans="1:11" s="195" customFormat="1" ht="10.5" x14ac:dyDescent="0.15">
      <c r="A55" s="26" t="s">
        <v>289</v>
      </c>
      <c r="B55" s="519">
        <v>39600000</v>
      </c>
      <c r="C55" s="517">
        <v>40400000</v>
      </c>
      <c r="D55" s="517">
        <v>39600000</v>
      </c>
      <c r="E55" s="517">
        <v>22349330.43</v>
      </c>
      <c r="F55" s="517">
        <v>29344393.59</v>
      </c>
      <c r="G55" s="517">
        <v>19624250.27</v>
      </c>
      <c r="H55" s="517">
        <v>0</v>
      </c>
      <c r="I55" s="518">
        <v>0</v>
      </c>
      <c r="J55" s="360"/>
    </row>
    <row r="56" spans="1:11" s="195" customFormat="1" ht="10.5" x14ac:dyDescent="0.15">
      <c r="A56" s="26" t="s">
        <v>290</v>
      </c>
      <c r="B56" s="519">
        <v>1080000</v>
      </c>
      <c r="C56" s="517">
        <v>1616000</v>
      </c>
      <c r="D56" s="517">
        <v>1616000</v>
      </c>
      <c r="E56" s="517">
        <v>549815</v>
      </c>
      <c r="F56" s="517">
        <v>805500.23</v>
      </c>
      <c r="G56" s="517">
        <v>518125.53</v>
      </c>
      <c r="H56" s="517">
        <v>0</v>
      </c>
      <c r="I56" s="518">
        <v>0</v>
      </c>
      <c r="J56" s="360"/>
    </row>
    <row r="57" spans="1:11" s="195" customFormat="1" ht="10.5" x14ac:dyDescent="0.15">
      <c r="A57" s="26" t="s">
        <v>292</v>
      </c>
      <c r="B57" s="507">
        <v>17500000</v>
      </c>
      <c r="C57" s="517">
        <v>42500000</v>
      </c>
      <c r="D57" s="517">
        <v>41540900.18</v>
      </c>
      <c r="E57" s="517">
        <v>4591289.29</v>
      </c>
      <c r="F57" s="517">
        <v>17807201.23</v>
      </c>
      <c r="G57" s="517">
        <v>4589961.05</v>
      </c>
      <c r="H57" s="517">
        <v>0</v>
      </c>
      <c r="I57" s="518">
        <v>0</v>
      </c>
      <c r="J57" s="360"/>
    </row>
    <row r="58" spans="1:11" s="195" customFormat="1" ht="10.5" x14ac:dyDescent="0.15">
      <c r="A58" s="26" t="s">
        <v>229</v>
      </c>
      <c r="B58" s="519">
        <v>17500000</v>
      </c>
      <c r="C58" s="517">
        <v>42500000</v>
      </c>
      <c r="D58" s="517">
        <v>41540900.18</v>
      </c>
      <c r="E58" s="517">
        <v>4591289.29</v>
      </c>
      <c r="F58" s="517">
        <v>17807201.23</v>
      </c>
      <c r="G58" s="517">
        <v>4589961.05</v>
      </c>
      <c r="H58" s="517">
        <v>0</v>
      </c>
      <c r="I58" s="518">
        <v>0</v>
      </c>
      <c r="J58" s="360"/>
    </row>
    <row r="59" spans="1:11" s="195" customFormat="1" ht="10.5" x14ac:dyDescent="0.15">
      <c r="A59" s="26" t="s">
        <v>60</v>
      </c>
      <c r="B59" s="519"/>
      <c r="C59" s="517">
        <v>0</v>
      </c>
      <c r="D59" s="517"/>
      <c r="E59" s="517">
        <v>0</v>
      </c>
      <c r="F59" s="517"/>
      <c r="G59" s="517">
        <v>0</v>
      </c>
      <c r="H59" s="517">
        <v>0</v>
      </c>
      <c r="I59" s="518">
        <v>0</v>
      </c>
      <c r="J59" s="360"/>
    </row>
    <row r="60" spans="1:11" ht="15" customHeight="1" x14ac:dyDescent="0.15">
      <c r="A60" s="319" t="s">
        <v>546</v>
      </c>
      <c r="B60" s="520">
        <v>0</v>
      </c>
      <c r="C60" s="516">
        <v>10000</v>
      </c>
      <c r="D60" s="517">
        <v>10000</v>
      </c>
      <c r="E60" s="517">
        <v>0</v>
      </c>
      <c r="F60" s="517">
        <v>5235.8900000000003</v>
      </c>
      <c r="G60" s="517">
        <v>0</v>
      </c>
      <c r="H60" s="517">
        <v>0</v>
      </c>
      <c r="I60" s="518">
        <v>0</v>
      </c>
      <c r="K60" s="676"/>
    </row>
    <row r="61" spans="1:11" ht="15" customHeight="1" x14ac:dyDescent="0.15">
      <c r="A61" s="27" t="s">
        <v>741</v>
      </c>
      <c r="B61" s="365">
        <v>1480951000</v>
      </c>
      <c r="C61" s="365">
        <v>2588026918.6199999</v>
      </c>
      <c r="D61" s="365">
        <v>2147349224.9399998</v>
      </c>
      <c r="E61" s="365">
        <v>1271794775.0500002</v>
      </c>
      <c r="F61" s="365">
        <v>1574476090.3200002</v>
      </c>
      <c r="G61" s="365">
        <v>1219271763.01</v>
      </c>
      <c r="H61" s="521">
        <v>0</v>
      </c>
      <c r="I61" s="522">
        <v>0</v>
      </c>
      <c r="K61" s="677"/>
    </row>
    <row r="62" spans="1:11" ht="11.25" customHeight="1" x14ac:dyDescent="0.15">
      <c r="A62" s="126"/>
      <c r="B62" s="523"/>
      <c r="C62" s="523"/>
      <c r="D62" s="523"/>
      <c r="E62" s="523"/>
      <c r="F62" s="523"/>
      <c r="G62" s="523"/>
      <c r="H62" s="523"/>
      <c r="I62" s="524"/>
      <c r="K62" s="676"/>
    </row>
    <row r="63" spans="1:11" ht="15" customHeight="1" x14ac:dyDescent="0.15">
      <c r="A63" s="27" t="s">
        <v>547</v>
      </c>
      <c r="B63" s="365">
        <v>-2000000</v>
      </c>
      <c r="C63" s="365">
        <v>-932150714.63999987</v>
      </c>
      <c r="D63" s="365"/>
      <c r="E63" s="365"/>
      <c r="F63" s="365">
        <v>-966020819.98000026</v>
      </c>
      <c r="G63" s="365">
        <v>-703587913.0999999</v>
      </c>
      <c r="H63" s="365"/>
      <c r="I63" s="366"/>
      <c r="K63" s="676"/>
    </row>
    <row r="64" spans="1:11" ht="5.0999999999999996" customHeight="1" x14ac:dyDescent="0.15">
      <c r="A64" s="31"/>
      <c r="B64" s="28"/>
      <c r="C64" s="28"/>
      <c r="D64" s="28"/>
      <c r="E64" s="28"/>
      <c r="G64" s="178"/>
      <c r="H64" s="178"/>
      <c r="K64" s="676"/>
    </row>
    <row r="65" spans="1:11" s="66" customFormat="1" ht="15" customHeight="1" x14ac:dyDescent="0.15">
      <c r="A65" s="810" t="s">
        <v>548</v>
      </c>
      <c r="B65" s="798" t="s">
        <v>108</v>
      </c>
      <c r="C65" s="799"/>
      <c r="D65" s="798" t="s">
        <v>108</v>
      </c>
      <c r="E65" s="799"/>
      <c r="F65" s="793" t="s">
        <v>109</v>
      </c>
      <c r="G65" s="800"/>
      <c r="H65" s="800"/>
      <c r="I65" s="800"/>
      <c r="J65" s="155"/>
      <c r="K65" s="678"/>
    </row>
    <row r="66" spans="1:11" s="66" customFormat="1" ht="10.5" x14ac:dyDescent="0.15">
      <c r="A66" s="802"/>
      <c r="B66" s="801" t="s">
        <v>111</v>
      </c>
      <c r="C66" s="802"/>
      <c r="D66" s="804" t="s">
        <v>112</v>
      </c>
      <c r="E66" s="784"/>
      <c r="F66" s="779" t="s">
        <v>115</v>
      </c>
      <c r="G66" s="781"/>
      <c r="H66" s="779" t="s">
        <v>115</v>
      </c>
      <c r="I66" s="780"/>
      <c r="J66" s="155"/>
      <c r="K66" s="678"/>
    </row>
    <row r="67" spans="1:11" s="66" customFormat="1" ht="10.5" x14ac:dyDescent="0.15">
      <c r="A67" s="803"/>
      <c r="B67" s="794"/>
      <c r="C67" s="803"/>
      <c r="D67" s="805"/>
      <c r="E67" s="785"/>
      <c r="F67" s="801">
        <v>2016</v>
      </c>
      <c r="G67" s="802"/>
      <c r="H67" s="804">
        <v>2015</v>
      </c>
      <c r="I67" s="809"/>
      <c r="J67" s="155"/>
      <c r="K67" s="678"/>
    </row>
    <row r="68" spans="1:11" ht="10.5" x14ac:dyDescent="0.15">
      <c r="A68" s="159" t="s">
        <v>136</v>
      </c>
      <c r="B68" s="836">
        <v>2000000</v>
      </c>
      <c r="C68" s="837"/>
      <c r="D68" s="718">
        <v>284618699.27999997</v>
      </c>
      <c r="E68" s="719"/>
      <c r="F68" s="836">
        <v>284618699.27999997</v>
      </c>
      <c r="G68" s="837"/>
      <c r="H68" s="836">
        <v>447331104.98000002</v>
      </c>
      <c r="I68" s="848"/>
      <c r="J68" s="408"/>
      <c r="K68" s="677"/>
    </row>
    <row r="69" spans="1:11" ht="10.5" x14ac:dyDescent="0.2">
      <c r="A69" s="159" t="s">
        <v>137</v>
      </c>
      <c r="B69" s="832">
        <v>2000000</v>
      </c>
      <c r="C69" s="838"/>
      <c r="D69" s="704">
        <v>284618699.27999997</v>
      </c>
      <c r="E69" s="705"/>
      <c r="F69" s="832">
        <v>284618699.27999997</v>
      </c>
      <c r="G69" s="838"/>
      <c r="H69" s="832">
        <v>447331104.98000002</v>
      </c>
      <c r="I69" s="833"/>
      <c r="J69" s="408"/>
      <c r="K69" s="205"/>
    </row>
    <row r="70" spans="1:11" ht="10.5" x14ac:dyDescent="0.2">
      <c r="A70" s="118" t="s">
        <v>138</v>
      </c>
      <c r="B70" s="832">
        <v>2000000</v>
      </c>
      <c r="C70" s="838"/>
      <c r="D70" s="704">
        <v>24382172.02</v>
      </c>
      <c r="E70" s="705"/>
      <c r="F70" s="832">
        <v>24382172.02</v>
      </c>
      <c r="G70" s="838"/>
      <c r="H70" s="832">
        <v>262925043.81</v>
      </c>
      <c r="I70" s="833"/>
      <c r="J70" s="408"/>
      <c r="K70" s="205"/>
    </row>
    <row r="71" spans="1:11" ht="10.5" x14ac:dyDescent="0.2">
      <c r="A71" s="118" t="s">
        <v>139</v>
      </c>
      <c r="B71" s="832">
        <v>0</v>
      </c>
      <c r="C71" s="838"/>
      <c r="D71" s="704">
        <v>0</v>
      </c>
      <c r="E71" s="705"/>
      <c r="F71" s="832">
        <v>0</v>
      </c>
      <c r="G71" s="838"/>
      <c r="H71" s="832">
        <v>0</v>
      </c>
      <c r="I71" s="833"/>
      <c r="J71" s="408"/>
      <c r="K71" s="205"/>
    </row>
    <row r="72" spans="1:11" ht="10.5" x14ac:dyDescent="0.2">
      <c r="A72" s="118" t="s">
        <v>140</v>
      </c>
      <c r="B72" s="832">
        <v>0</v>
      </c>
      <c r="C72" s="838"/>
      <c r="D72" s="704">
        <v>260236527.25999999</v>
      </c>
      <c r="E72" s="705"/>
      <c r="F72" s="832">
        <v>260236527.25999999</v>
      </c>
      <c r="G72" s="838"/>
      <c r="H72" s="832">
        <v>184406061.16999999</v>
      </c>
      <c r="I72" s="833"/>
      <c r="J72" s="408"/>
      <c r="K72" s="205"/>
    </row>
    <row r="73" spans="1:11" s="66" customFormat="1" ht="10.5" x14ac:dyDescent="0.2">
      <c r="A73" s="159" t="s">
        <v>141</v>
      </c>
      <c r="B73" s="842">
        <v>0</v>
      </c>
      <c r="C73" s="843"/>
      <c r="D73" s="716">
        <v>0</v>
      </c>
      <c r="E73" s="717"/>
      <c r="F73" s="842">
        <v>0</v>
      </c>
      <c r="G73" s="843"/>
      <c r="H73" s="842">
        <v>0</v>
      </c>
      <c r="I73" s="847"/>
      <c r="J73" s="203"/>
      <c r="K73" s="207"/>
    </row>
    <row r="74" spans="1:11" ht="10.5" x14ac:dyDescent="0.2">
      <c r="A74" s="118" t="s">
        <v>142</v>
      </c>
      <c r="B74" s="832">
        <v>0</v>
      </c>
      <c r="C74" s="838"/>
      <c r="D74" s="704">
        <v>0</v>
      </c>
      <c r="E74" s="705"/>
      <c r="F74" s="832">
        <v>0</v>
      </c>
      <c r="G74" s="838"/>
      <c r="H74" s="832">
        <v>0</v>
      </c>
      <c r="I74" s="833"/>
      <c r="J74" s="408"/>
      <c r="K74" s="205"/>
    </row>
    <row r="75" spans="1:11" ht="10.5" x14ac:dyDescent="0.2">
      <c r="A75" s="118" t="s">
        <v>143</v>
      </c>
      <c r="B75" s="832">
        <v>0</v>
      </c>
      <c r="C75" s="838"/>
      <c r="D75" s="704">
        <v>0</v>
      </c>
      <c r="E75" s="705"/>
      <c r="F75" s="832">
        <v>0</v>
      </c>
      <c r="G75" s="838"/>
      <c r="H75" s="832">
        <v>0</v>
      </c>
      <c r="I75" s="833"/>
      <c r="J75" s="408"/>
      <c r="K75" s="205"/>
    </row>
    <row r="76" spans="1:11" ht="10.5" x14ac:dyDescent="0.2">
      <c r="A76" s="120" t="s">
        <v>140</v>
      </c>
      <c r="B76" s="834">
        <v>0</v>
      </c>
      <c r="C76" s="844"/>
      <c r="D76" s="714">
        <v>0</v>
      </c>
      <c r="E76" s="715"/>
      <c r="F76" s="834">
        <v>0</v>
      </c>
      <c r="G76" s="844"/>
      <c r="H76" s="834">
        <v>0</v>
      </c>
      <c r="I76" s="835"/>
      <c r="J76" s="408"/>
      <c r="K76" s="205"/>
    </row>
    <row r="77" spans="1:11" ht="5.0999999999999996" customHeight="1" x14ac:dyDescent="0.2">
      <c r="A77" s="177"/>
      <c r="B77" s="177"/>
      <c r="C77" s="177"/>
      <c r="D77" s="191"/>
      <c r="E77" s="191"/>
      <c r="F77" s="191"/>
      <c r="G77" s="68"/>
      <c r="H77" s="68"/>
      <c r="I77" s="68"/>
    </row>
    <row r="78" spans="1:11" s="66" customFormat="1" ht="15" customHeight="1" x14ac:dyDescent="0.2">
      <c r="A78" s="797" t="s">
        <v>144</v>
      </c>
      <c r="B78" s="797"/>
      <c r="C78" s="796"/>
      <c r="D78" s="795" t="s">
        <v>122</v>
      </c>
      <c r="E78" s="797"/>
      <c r="F78" s="797"/>
      <c r="G78" s="797"/>
      <c r="H78" s="797"/>
      <c r="I78" s="797"/>
      <c r="J78" s="155"/>
    </row>
    <row r="79" spans="1:11" ht="15" customHeight="1" x14ac:dyDescent="0.2">
      <c r="A79" s="845" t="s">
        <v>209</v>
      </c>
      <c r="B79" s="845"/>
      <c r="C79" s="846"/>
      <c r="D79" s="817"/>
      <c r="E79" s="818"/>
      <c r="F79" s="818"/>
      <c r="G79" s="818"/>
      <c r="H79" s="818"/>
      <c r="I79" s="818"/>
    </row>
    <row r="80" spans="1:11" ht="5.0999999999999996" customHeight="1" x14ac:dyDescent="0.2">
      <c r="A80" s="176"/>
      <c r="B80" s="176"/>
      <c r="C80" s="176"/>
      <c r="D80" s="175"/>
      <c r="E80" s="175"/>
      <c r="F80" s="175"/>
      <c r="G80" s="74"/>
      <c r="H80" s="74"/>
      <c r="I80" s="74"/>
    </row>
    <row r="81" spans="1:10" s="66" customFormat="1" ht="15" customHeight="1" x14ac:dyDescent="0.2">
      <c r="A81" s="800" t="s">
        <v>549</v>
      </c>
      <c r="B81" s="800"/>
      <c r="C81" s="810"/>
      <c r="D81" s="793" t="s">
        <v>208</v>
      </c>
      <c r="E81" s="800"/>
      <c r="F81" s="800"/>
      <c r="G81" s="800"/>
      <c r="H81" s="800"/>
      <c r="I81" s="800"/>
      <c r="J81" s="155"/>
    </row>
    <row r="82" spans="1:10" s="66" customFormat="1" ht="15" customHeight="1" x14ac:dyDescent="0.2">
      <c r="A82" s="816"/>
      <c r="B82" s="816"/>
      <c r="C82" s="803"/>
      <c r="D82" s="795">
        <v>2016</v>
      </c>
      <c r="E82" s="797"/>
      <c r="F82" s="796"/>
      <c r="G82" s="797">
        <v>2015</v>
      </c>
      <c r="H82" s="797"/>
      <c r="I82" s="797"/>
      <c r="J82" s="155"/>
    </row>
    <row r="83" spans="1:10" ht="10.5" x14ac:dyDescent="0.2">
      <c r="A83" s="819" t="s">
        <v>123</v>
      </c>
      <c r="B83" s="819"/>
      <c r="C83" s="820"/>
      <c r="D83" s="821">
        <v>0</v>
      </c>
      <c r="E83" s="822"/>
      <c r="F83" s="823"/>
      <c r="G83" s="830">
        <v>0</v>
      </c>
      <c r="H83" s="831"/>
      <c r="I83" s="831"/>
    </row>
    <row r="84" spans="1:10" ht="12.75" x14ac:dyDescent="0.2">
      <c r="A84" s="812" t="s">
        <v>124</v>
      </c>
      <c r="B84" s="812"/>
      <c r="C84" s="813"/>
      <c r="D84" s="824">
        <v>484260.19999999995</v>
      </c>
      <c r="E84" s="825"/>
      <c r="F84" s="826"/>
      <c r="G84" s="832">
        <v>71759039.569999993</v>
      </c>
      <c r="H84" s="833"/>
      <c r="I84" s="833"/>
    </row>
    <row r="85" spans="1:10" ht="12.75" x14ac:dyDescent="0.2">
      <c r="A85" s="812" t="s">
        <v>125</v>
      </c>
      <c r="B85" s="812"/>
      <c r="C85" s="813"/>
      <c r="D85" s="824">
        <v>268442.94000002742</v>
      </c>
      <c r="E85" s="825"/>
      <c r="F85" s="826"/>
      <c r="G85" s="832">
        <v>58609.94</v>
      </c>
      <c r="H85" s="833"/>
      <c r="I85" s="833"/>
    </row>
    <row r="86" spans="1:10" ht="12.75" x14ac:dyDescent="0.2">
      <c r="A86" s="814" t="s">
        <v>126</v>
      </c>
      <c r="B86" s="814"/>
      <c r="C86" s="815"/>
      <c r="D86" s="827">
        <v>0</v>
      </c>
      <c r="E86" s="828"/>
      <c r="F86" s="829"/>
      <c r="G86" s="834">
        <v>0</v>
      </c>
      <c r="H86" s="835"/>
      <c r="I86" s="835"/>
    </row>
    <row r="87" spans="1:10" ht="5.0999999999999996" customHeight="1" x14ac:dyDescent="0.2">
      <c r="A87" s="182"/>
      <c r="B87" s="182"/>
      <c r="C87" s="119"/>
      <c r="D87" s="811"/>
      <c r="E87" s="811"/>
      <c r="F87" s="177"/>
      <c r="G87" s="119"/>
      <c r="H87" s="74"/>
      <c r="I87" s="74"/>
    </row>
    <row r="88" spans="1:10" ht="15" customHeight="1" x14ac:dyDescent="0.15">
      <c r="A88" s="781" t="s">
        <v>145</v>
      </c>
      <c r="B88" s="798" t="s">
        <v>108</v>
      </c>
      <c r="C88" s="799"/>
      <c r="D88" s="798" t="s">
        <v>108</v>
      </c>
      <c r="E88" s="799"/>
      <c r="F88" s="793" t="s">
        <v>109</v>
      </c>
      <c r="G88" s="800"/>
      <c r="H88" s="800"/>
      <c r="I88" s="800"/>
    </row>
    <row r="89" spans="1:10" ht="15" customHeight="1" x14ac:dyDescent="0.2">
      <c r="A89" s="784"/>
      <c r="B89" s="801" t="s">
        <v>111</v>
      </c>
      <c r="C89" s="802"/>
      <c r="D89" s="804" t="s">
        <v>112</v>
      </c>
      <c r="E89" s="784"/>
      <c r="F89" s="779" t="s">
        <v>115</v>
      </c>
      <c r="G89" s="781"/>
      <c r="H89" s="779" t="s">
        <v>115</v>
      </c>
      <c r="I89" s="780"/>
    </row>
    <row r="90" spans="1:10" ht="15" customHeight="1" x14ac:dyDescent="0.2">
      <c r="A90" s="785"/>
      <c r="B90" s="794"/>
      <c r="C90" s="803"/>
      <c r="D90" s="805"/>
      <c r="E90" s="785"/>
      <c r="F90" s="794">
        <v>2016</v>
      </c>
      <c r="G90" s="803"/>
      <c r="H90" s="805">
        <v>2015</v>
      </c>
      <c r="I90" s="806"/>
    </row>
    <row r="91" spans="1:10" ht="11.25" customHeight="1" x14ac:dyDescent="0.2">
      <c r="A91" s="155" t="s">
        <v>147</v>
      </c>
      <c r="B91" s="718">
        <v>1036054000</v>
      </c>
      <c r="C91" s="719"/>
      <c r="D91" s="718">
        <v>1041439704.12</v>
      </c>
      <c r="E91" s="719"/>
      <c r="F91" s="718">
        <v>351174179.94</v>
      </c>
      <c r="G91" s="719"/>
      <c r="H91" s="718">
        <v>303078211.69</v>
      </c>
      <c r="I91" s="751"/>
    </row>
    <row r="92" spans="1:10" ht="11.25" customHeight="1" x14ac:dyDescent="0.2">
      <c r="A92" s="179" t="s">
        <v>178</v>
      </c>
      <c r="B92" s="704">
        <v>1036054000</v>
      </c>
      <c r="C92" s="705"/>
      <c r="D92" s="704">
        <v>1041439704.12</v>
      </c>
      <c r="E92" s="705"/>
      <c r="F92" s="704">
        <v>351174179.94</v>
      </c>
      <c r="G92" s="705"/>
      <c r="H92" s="704">
        <v>303078211.69</v>
      </c>
      <c r="I92" s="752"/>
    </row>
    <row r="93" spans="1:10" ht="11.25" customHeight="1" x14ac:dyDescent="0.2">
      <c r="A93" s="179" t="s">
        <v>146</v>
      </c>
      <c r="B93" s="704">
        <v>1036054000</v>
      </c>
      <c r="C93" s="705"/>
      <c r="D93" s="704">
        <v>1041439704.12</v>
      </c>
      <c r="E93" s="705"/>
      <c r="F93" s="704">
        <v>351174179.94</v>
      </c>
      <c r="G93" s="705"/>
      <c r="H93" s="704">
        <v>303078211.69</v>
      </c>
      <c r="I93" s="752"/>
    </row>
    <row r="94" spans="1:10" ht="11.25" customHeight="1" x14ac:dyDescent="0.2">
      <c r="A94" s="179" t="s">
        <v>282</v>
      </c>
      <c r="B94" s="704">
        <v>280000000</v>
      </c>
      <c r="C94" s="705"/>
      <c r="D94" s="704">
        <v>285385704.12</v>
      </c>
      <c r="E94" s="705"/>
      <c r="F94" s="704">
        <v>285385704.12</v>
      </c>
      <c r="G94" s="705"/>
      <c r="H94" s="704">
        <v>268768771.01999998</v>
      </c>
      <c r="I94" s="752"/>
    </row>
    <row r="95" spans="1:10" ht="11.25" customHeight="1" x14ac:dyDescent="0.2">
      <c r="A95" s="179" t="s">
        <v>129</v>
      </c>
      <c r="B95" s="704">
        <v>280000000</v>
      </c>
      <c r="C95" s="705"/>
      <c r="D95" s="704">
        <v>285385704.12</v>
      </c>
      <c r="E95" s="705"/>
      <c r="F95" s="704">
        <v>285385704.12</v>
      </c>
      <c r="G95" s="705"/>
      <c r="H95" s="704">
        <v>268768771.01999998</v>
      </c>
      <c r="I95" s="752"/>
    </row>
    <row r="96" spans="1:10" ht="11.25" customHeight="1" x14ac:dyDescent="0.2">
      <c r="A96" s="179" t="s">
        <v>130</v>
      </c>
      <c r="B96" s="704">
        <v>0</v>
      </c>
      <c r="C96" s="705"/>
      <c r="D96" s="704">
        <v>0</v>
      </c>
      <c r="E96" s="705"/>
      <c r="F96" s="704">
        <v>0</v>
      </c>
      <c r="G96" s="705"/>
      <c r="H96" s="704">
        <v>0</v>
      </c>
      <c r="I96" s="752"/>
    </row>
    <row r="97" spans="1:9" ht="11.25" customHeight="1" x14ac:dyDescent="0.2">
      <c r="A97" s="179" t="s">
        <v>131</v>
      </c>
      <c r="B97" s="704">
        <v>0</v>
      </c>
      <c r="C97" s="705"/>
      <c r="D97" s="704">
        <v>0</v>
      </c>
      <c r="E97" s="705"/>
      <c r="F97" s="704">
        <v>0</v>
      </c>
      <c r="G97" s="705"/>
      <c r="H97" s="704">
        <v>0</v>
      </c>
      <c r="I97" s="752"/>
    </row>
    <row r="98" spans="1:9" ht="11.25" customHeight="1" x14ac:dyDescent="0.2">
      <c r="A98" s="179" t="s">
        <v>283</v>
      </c>
      <c r="B98" s="704">
        <v>756054000</v>
      </c>
      <c r="C98" s="705"/>
      <c r="D98" s="704">
        <v>756054000</v>
      </c>
      <c r="E98" s="705"/>
      <c r="F98" s="704">
        <v>65788475.82</v>
      </c>
      <c r="G98" s="705"/>
      <c r="H98" s="704">
        <v>34309440.670000002</v>
      </c>
      <c r="I98" s="752"/>
    </row>
    <row r="99" spans="1:9" ht="11.25" customHeight="1" x14ac:dyDescent="0.2">
      <c r="A99" s="179" t="s">
        <v>132</v>
      </c>
      <c r="B99" s="704">
        <v>756054000</v>
      </c>
      <c r="C99" s="705"/>
      <c r="D99" s="704">
        <v>756054000</v>
      </c>
      <c r="E99" s="705"/>
      <c r="F99" s="704">
        <v>65788475.82</v>
      </c>
      <c r="G99" s="705"/>
      <c r="H99" s="704">
        <v>34309440.670000002</v>
      </c>
      <c r="I99" s="752"/>
    </row>
    <row r="100" spans="1:9" ht="11.25" customHeight="1" x14ac:dyDescent="0.2">
      <c r="A100" s="179" t="s">
        <v>133</v>
      </c>
      <c r="B100" s="704">
        <v>0</v>
      </c>
      <c r="C100" s="705"/>
      <c r="D100" s="704">
        <v>0</v>
      </c>
      <c r="E100" s="705"/>
      <c r="F100" s="704">
        <v>0</v>
      </c>
      <c r="G100" s="705"/>
      <c r="H100" s="704">
        <v>0</v>
      </c>
      <c r="I100" s="752"/>
    </row>
    <row r="101" spans="1:9" ht="11.25" customHeight="1" x14ac:dyDescent="0.2">
      <c r="A101" s="179" t="s">
        <v>740</v>
      </c>
      <c r="B101" s="704">
        <v>0</v>
      </c>
      <c r="C101" s="705"/>
      <c r="D101" s="704">
        <v>0</v>
      </c>
      <c r="E101" s="705"/>
      <c r="F101" s="704">
        <v>0</v>
      </c>
      <c r="G101" s="705"/>
      <c r="H101" s="704">
        <v>0</v>
      </c>
      <c r="I101" s="752"/>
    </row>
    <row r="102" spans="1:9" ht="11.25" customHeight="1" x14ac:dyDescent="0.2">
      <c r="A102" s="179" t="s">
        <v>760</v>
      </c>
      <c r="B102" s="704">
        <v>0</v>
      </c>
      <c r="C102" s="705"/>
      <c r="D102" s="704">
        <v>0</v>
      </c>
      <c r="E102" s="705"/>
      <c r="F102" s="704">
        <v>0</v>
      </c>
      <c r="G102" s="705"/>
      <c r="H102" s="704">
        <v>0</v>
      </c>
      <c r="I102" s="752"/>
    </row>
    <row r="103" spans="1:9" ht="11.25" customHeight="1" x14ac:dyDescent="0.2">
      <c r="A103" s="179" t="s">
        <v>761</v>
      </c>
      <c r="B103" s="704">
        <v>0</v>
      </c>
      <c r="C103" s="705"/>
      <c r="D103" s="704">
        <v>0</v>
      </c>
      <c r="E103" s="705"/>
      <c r="F103" s="704">
        <v>0</v>
      </c>
      <c r="G103" s="705"/>
      <c r="H103" s="704">
        <v>0</v>
      </c>
      <c r="I103" s="752"/>
    </row>
    <row r="104" spans="1:9" ht="11.25" customHeight="1" x14ac:dyDescent="0.2">
      <c r="A104" s="179" t="s">
        <v>179</v>
      </c>
      <c r="B104" s="704">
        <v>0</v>
      </c>
      <c r="C104" s="705"/>
      <c r="D104" s="704">
        <v>0</v>
      </c>
      <c r="E104" s="705"/>
      <c r="F104" s="704">
        <v>0</v>
      </c>
      <c r="G104" s="705"/>
      <c r="H104" s="704">
        <v>0</v>
      </c>
      <c r="I104" s="752"/>
    </row>
    <row r="105" spans="1:9" ht="11.25" customHeight="1" x14ac:dyDescent="0.2">
      <c r="A105" s="179" t="s">
        <v>186</v>
      </c>
      <c r="B105" s="704">
        <v>0</v>
      </c>
      <c r="C105" s="705"/>
      <c r="D105" s="704">
        <v>0</v>
      </c>
      <c r="E105" s="705"/>
      <c r="F105" s="704">
        <v>0</v>
      </c>
      <c r="G105" s="705"/>
      <c r="H105" s="704">
        <v>0</v>
      </c>
      <c r="I105" s="752"/>
    </row>
    <row r="106" spans="1:9" ht="11.25" customHeight="1" x14ac:dyDescent="0.2">
      <c r="A106" s="179" t="s">
        <v>183</v>
      </c>
      <c r="B106" s="704">
        <v>0</v>
      </c>
      <c r="C106" s="705"/>
      <c r="D106" s="704">
        <v>0</v>
      </c>
      <c r="E106" s="705"/>
      <c r="F106" s="704">
        <v>0</v>
      </c>
      <c r="G106" s="705"/>
      <c r="H106" s="704">
        <v>0</v>
      </c>
      <c r="I106" s="752"/>
    </row>
    <row r="107" spans="1:9" ht="11.25" customHeight="1" x14ac:dyDescent="0.2">
      <c r="A107" s="66" t="s">
        <v>148</v>
      </c>
      <c r="B107" s="704">
        <v>0</v>
      </c>
      <c r="C107" s="705"/>
      <c r="D107" s="704">
        <v>0</v>
      </c>
      <c r="E107" s="705"/>
      <c r="F107" s="704">
        <v>0</v>
      </c>
      <c r="G107" s="705"/>
      <c r="H107" s="704">
        <v>0</v>
      </c>
      <c r="I107" s="752"/>
    </row>
    <row r="108" spans="1:9" ht="11.25" customHeight="1" x14ac:dyDescent="0.2">
      <c r="A108" s="122" t="s">
        <v>801</v>
      </c>
      <c r="B108" s="704">
        <v>0</v>
      </c>
      <c r="C108" s="705"/>
      <c r="D108" s="704">
        <v>0</v>
      </c>
      <c r="E108" s="705"/>
      <c r="F108" s="704">
        <v>0</v>
      </c>
      <c r="G108" s="705"/>
      <c r="H108" s="704">
        <v>0</v>
      </c>
      <c r="I108" s="752"/>
    </row>
    <row r="109" spans="1:9" ht="11.25" customHeight="1" x14ac:dyDescent="0.2">
      <c r="A109" s="179" t="s">
        <v>803</v>
      </c>
      <c r="B109" s="704">
        <v>0</v>
      </c>
      <c r="C109" s="705"/>
      <c r="D109" s="704">
        <v>0</v>
      </c>
      <c r="E109" s="705"/>
      <c r="F109" s="704">
        <v>0</v>
      </c>
      <c r="G109" s="705"/>
      <c r="H109" s="704">
        <v>0</v>
      </c>
      <c r="I109" s="752"/>
    </row>
    <row r="110" spans="1:9" ht="11.25" customHeight="1" x14ac:dyDescent="0.2">
      <c r="A110" s="122" t="s">
        <v>802</v>
      </c>
      <c r="B110" s="704">
        <v>0</v>
      </c>
      <c r="C110" s="705"/>
      <c r="D110" s="704">
        <v>0</v>
      </c>
      <c r="E110" s="705"/>
      <c r="F110" s="704">
        <v>0</v>
      </c>
      <c r="G110" s="705"/>
      <c r="H110" s="704">
        <v>0</v>
      </c>
      <c r="I110" s="752"/>
    </row>
    <row r="111" spans="1:9" ht="11.25" customHeight="1" x14ac:dyDescent="0.2">
      <c r="A111" s="66"/>
      <c r="B111" s="714">
        <v>0</v>
      </c>
      <c r="C111" s="715"/>
      <c r="D111" s="714">
        <v>0</v>
      </c>
      <c r="E111" s="715"/>
      <c r="F111" s="714">
        <v>0</v>
      </c>
      <c r="G111" s="715"/>
      <c r="H111" s="714">
        <v>0</v>
      </c>
      <c r="I111" s="753"/>
    </row>
    <row r="112" spans="1:9" ht="26.25" customHeight="1" x14ac:dyDescent="0.2">
      <c r="A112" s="162" t="s">
        <v>759</v>
      </c>
      <c r="B112" s="749">
        <v>1036054000</v>
      </c>
      <c r="C112" s="757"/>
      <c r="D112" s="749">
        <v>1041439704.12</v>
      </c>
      <c r="E112" s="757"/>
      <c r="F112" s="749">
        <v>351174179.94</v>
      </c>
      <c r="G112" s="757"/>
      <c r="H112" s="749">
        <v>303078211.69</v>
      </c>
      <c r="I112" s="750"/>
    </row>
    <row r="113" spans="1:10" ht="5.0999999999999996" customHeight="1" x14ac:dyDescent="0.15">
      <c r="A113" s="196"/>
      <c r="B113" s="197"/>
      <c r="C113" s="197"/>
      <c r="D113" s="198"/>
      <c r="E113" s="198"/>
      <c r="F113" s="198"/>
      <c r="G113" s="199"/>
      <c r="H113" s="199"/>
      <c r="I113" s="199"/>
    </row>
    <row r="114" spans="1:10" ht="30" customHeight="1" x14ac:dyDescent="0.15">
      <c r="A114" s="839" t="s">
        <v>149</v>
      </c>
      <c r="B114" s="200" t="s">
        <v>157</v>
      </c>
      <c r="C114" s="200" t="s">
        <v>157</v>
      </c>
      <c r="D114" s="729" t="s">
        <v>158</v>
      </c>
      <c r="E114" s="731"/>
      <c r="F114" s="795" t="s">
        <v>159</v>
      </c>
      <c r="G114" s="796"/>
      <c r="H114" s="795" t="s">
        <v>347</v>
      </c>
      <c r="I114" s="797"/>
    </row>
    <row r="115" spans="1:10" ht="15" customHeight="1" x14ac:dyDescent="0.2">
      <c r="A115" s="840"/>
      <c r="B115" s="807" t="s">
        <v>111</v>
      </c>
      <c r="C115" s="807" t="s">
        <v>112</v>
      </c>
      <c r="D115" s="172" t="s">
        <v>115</v>
      </c>
      <c r="E115" s="172" t="s">
        <v>115</v>
      </c>
      <c r="F115" s="172" t="s">
        <v>115</v>
      </c>
      <c r="G115" s="172" t="s">
        <v>115</v>
      </c>
      <c r="H115" s="791" t="s">
        <v>871</v>
      </c>
      <c r="I115" s="793" t="s">
        <v>872</v>
      </c>
    </row>
    <row r="116" spans="1:10" ht="15" customHeight="1" x14ac:dyDescent="0.2">
      <c r="A116" s="841"/>
      <c r="B116" s="783"/>
      <c r="C116" s="783"/>
      <c r="D116" s="173">
        <v>2016</v>
      </c>
      <c r="E116" s="174">
        <v>2015</v>
      </c>
      <c r="F116" s="173">
        <v>2016</v>
      </c>
      <c r="G116" s="174">
        <v>2015</v>
      </c>
      <c r="H116" s="792"/>
      <c r="I116" s="794"/>
    </row>
    <row r="117" spans="1:10" ht="11.25" customHeight="1" x14ac:dyDescent="0.2">
      <c r="A117" s="160" t="s">
        <v>150</v>
      </c>
      <c r="B117" s="525">
        <v>0</v>
      </c>
      <c r="C117" s="525">
        <v>10000</v>
      </c>
      <c r="D117" s="525">
        <v>10000</v>
      </c>
      <c r="E117" s="525">
        <v>0</v>
      </c>
      <c r="F117" s="525">
        <v>5235.8900000000003</v>
      </c>
      <c r="G117" s="525">
        <v>0</v>
      </c>
      <c r="H117" s="525">
        <v>0</v>
      </c>
      <c r="I117" s="526">
        <v>0</v>
      </c>
    </row>
    <row r="118" spans="1:10" ht="11.25" customHeight="1" x14ac:dyDescent="0.2">
      <c r="A118" s="29" t="s">
        <v>204</v>
      </c>
      <c r="B118" s="425">
        <v>0</v>
      </c>
      <c r="C118" s="425">
        <v>10000</v>
      </c>
      <c r="D118" s="425">
        <v>10000</v>
      </c>
      <c r="E118" s="425"/>
      <c r="F118" s="425">
        <v>5235.8900000000003</v>
      </c>
      <c r="G118" s="425">
        <v>0</v>
      </c>
      <c r="H118" s="425"/>
      <c r="I118" s="523"/>
    </row>
    <row r="119" spans="1:10" ht="11.25" customHeight="1" x14ac:dyDescent="0.2">
      <c r="A119" s="30" t="s">
        <v>205</v>
      </c>
      <c r="B119" s="425">
        <v>0</v>
      </c>
      <c r="C119" s="425">
        <v>0</v>
      </c>
      <c r="D119" s="425"/>
      <c r="E119" s="425"/>
      <c r="F119" s="425"/>
      <c r="G119" s="425">
        <v>0</v>
      </c>
      <c r="H119" s="425"/>
      <c r="I119" s="523"/>
    </row>
    <row r="120" spans="1:10" ht="24.95" customHeight="1" x14ac:dyDescent="0.2">
      <c r="A120" s="404" t="s">
        <v>151</v>
      </c>
      <c r="B120" s="365">
        <v>0</v>
      </c>
      <c r="C120" s="365">
        <v>10000</v>
      </c>
      <c r="D120" s="365">
        <v>10000</v>
      </c>
      <c r="E120" s="365">
        <v>0</v>
      </c>
      <c r="F120" s="365">
        <v>5235.8900000000003</v>
      </c>
      <c r="G120" s="365">
        <v>0</v>
      </c>
      <c r="H120" s="365">
        <v>0</v>
      </c>
      <c r="I120" s="366">
        <v>0</v>
      </c>
    </row>
    <row r="121" spans="1:10" ht="11.25" customHeight="1" x14ac:dyDescent="0.2">
      <c r="A121" s="268" t="s">
        <v>848</v>
      </c>
      <c r="I121" s="300"/>
    </row>
    <row r="122" spans="1:10" ht="11.25" customHeight="1" x14ac:dyDescent="0.2">
      <c r="A122" s="268"/>
    </row>
    <row r="126" spans="1:10" s="268" customFormat="1" ht="11.25" customHeight="1" x14ac:dyDescent="0.2">
      <c r="F126" s="221"/>
      <c r="I126" s="221"/>
      <c r="J126" s="221"/>
    </row>
    <row r="127" spans="1:10" s="268" customFormat="1" ht="11.25" customHeight="1" x14ac:dyDescent="0.2">
      <c r="F127" s="221"/>
      <c r="I127" s="221"/>
      <c r="J127" s="221"/>
    </row>
    <row r="129" spans="1:9" ht="11.25" customHeight="1" x14ac:dyDescent="0.2">
      <c r="A129" s="268"/>
      <c r="B129" s="268"/>
      <c r="C129" s="268"/>
      <c r="D129" s="268"/>
      <c r="E129" s="268"/>
      <c r="F129" s="221"/>
      <c r="G129" s="268"/>
      <c r="H129" s="268"/>
      <c r="I129" s="221"/>
    </row>
    <row r="130" spans="1:9" s="45" customFormat="1" ht="11.25" customHeight="1" x14ac:dyDescent="0.2"/>
    <row r="131" spans="1:9" s="45" customFormat="1" ht="11.25" customHeight="1" x14ac:dyDescent="0.2"/>
    <row r="132" spans="1:9" s="45" customFormat="1" ht="11.25" customHeight="1" x14ac:dyDescent="0.2"/>
    <row r="133" spans="1:9" s="45" customFormat="1" ht="11.25" customHeight="1" x14ac:dyDescent="0.2"/>
    <row r="134" spans="1:9" s="45" customFormat="1" ht="11.25" customHeight="1" x14ac:dyDescent="0.2"/>
    <row r="135" spans="1:9" s="45" customFormat="1" ht="11.25" customHeight="1" x14ac:dyDescent="0.2"/>
    <row r="136" spans="1:9" s="45" customFormat="1" ht="11.25" customHeight="1" x14ac:dyDescent="0.2"/>
  </sheetData>
  <customSheetViews>
    <customSheetView guid="{C779D862-DE28-46CD-A428-4AAA1056D1E1}" showPageBreaks="1" showGridLines="0" fitToPage="1" printArea="1">
      <selection activeCell="A7" sqref="A7:E7"/>
      <pageMargins left="0.19685039370078741" right="0.19685039370078741" top="0.39370078740157483" bottom="0.19685039370078741" header="0" footer="0"/>
      <printOptions horizontalCentered="1"/>
      <pageSetup paperSize="9" scale="44" orientation="portrait" r:id="rId1"/>
      <headerFooter alignWithMargins="0"/>
    </customSheetView>
    <customSheetView guid="{3AAF6A5F-F9AA-430B-9AD9-1261ECDF41B5}" showPageBreaks="1" showGridLines="0" fitToPage="1" printArea="1">
      <pane xSplit="1" ySplit="12" topLeftCell="B60" activePane="bottomRight" state="frozen"/>
      <selection pane="bottomRight" activeCell="A69" sqref="A69"/>
      <pageMargins left="0.19685039370078741" right="0.19685039370078741" top="0.59055118110236227" bottom="0.19685039370078741" header="0" footer="0"/>
      <printOptions horizontalCentered="1"/>
      <pageSetup paperSize="9" scale="44" orientation="portrait" r:id="rId2"/>
      <headerFooter alignWithMargins="0"/>
    </customSheetView>
    <customSheetView guid="{25EF1E0D-169B-4051-B414-7E1196FC05E4}" scale="90" showPageBreaks="1" showGridLines="0" fitToPage="1">
      <selection activeCell="H32" sqref="H32:I32"/>
      <pageMargins left="0.19685039370078741" right="0.19685039370078741" top="0.59055118110236227" bottom="0.19685039370078741" header="0" footer="0"/>
      <printOptions horizontalCentered="1"/>
      <pageSetup paperSize="9" scale="45" orientation="portrait" r:id="rId3"/>
      <headerFooter alignWithMargins="0"/>
    </customSheetView>
    <customSheetView guid="{82EDB5A4-4824-4632-A540-7A52C92F04C7}" scale="85" showPageBreaks="1" showGridLines="0" fitToPage="1" topLeftCell="A40">
      <selection activeCell="C50" sqref="C50"/>
      <pageMargins left="0.19685039370078741" right="0.19685039370078741" top="0.59055118110236227" bottom="0.19685039370078741" header="0" footer="0"/>
      <printOptions horizontalCentered="1"/>
      <pageSetup paperSize="9" scale="45" orientation="portrait" r:id="rId4"/>
      <headerFooter alignWithMargins="0"/>
    </customSheetView>
    <customSheetView guid="{15F968AB-9DD6-4E60-9FDC-FEF44C5FFDCB}" showPageBreaks="1" showGridLines="0" fitToPage="1">
      <selection activeCell="D85" sqref="D85:F85"/>
      <pageMargins left="0.19685039370078741" right="0.19685039370078741" top="0.39370078740157483" bottom="0.39370078740157483" header="0" footer="0"/>
      <printOptions horizontalCentered="1"/>
      <pageSetup paperSize="9" scale="45" orientation="portrait" r:id="rId5"/>
      <headerFooter alignWithMargins="0"/>
    </customSheetView>
    <customSheetView guid="{D5976633-8ECB-4B00-B200-C7467CF5B10F}" showGridLines="0" fitToPage="1" topLeftCell="A106">
      <selection activeCell="A121" sqref="A121"/>
      <pageMargins left="0.39370078740157483" right="0.39370078740157483" top="0.98425196850393704" bottom="0.98425196850393704" header="0" footer="0.19685039370078741"/>
      <printOptions horizontalCentered="1"/>
      <pageSetup paperSize="9" scale="70" orientation="portrait" r:id="rId6"/>
      <headerFooter alignWithMargins="0"/>
    </customSheetView>
    <customSheetView guid="{B4FED47C-EE37-4843-A570-282D4F8229D4}" showGridLines="0" fitToPage="1" topLeftCell="A28">
      <selection activeCell="A46" sqref="A46"/>
      <pageMargins left="0.19685039370078741" right="0.19685039370078741" top="0.59055118110236227" bottom="0.19685039370078741" header="0" footer="0"/>
      <printOptions horizontalCentered="1"/>
      <pageSetup paperSize="9" scale="44" orientation="portrait" r:id="rId7"/>
      <headerFooter alignWithMargins="0"/>
    </customSheetView>
    <customSheetView guid="{6DBFA32C-4AA4-4E1D-9A48-697377C64CC3}" showPageBreaks="1" showGridLines="0" fitToPage="1" printArea="1" topLeftCell="A34">
      <selection activeCell="H9" sqref="H9"/>
      <pageMargins left="0.19685039370078741" right="0.19685039370078741" top="0.59055118110236227" bottom="0.19685039370078741" header="0" footer="0"/>
      <printOptions horizontalCentered="1"/>
      <pageSetup paperSize="9" scale="45" orientation="portrait" r:id="rId8"/>
      <headerFooter alignWithMargins="0"/>
    </customSheetView>
    <customSheetView guid="{09DEEE52-8A8D-4F12-80E3-55185B30DF10}" showGridLines="0" fitToPage="1">
      <pageMargins left="0.19685039370078741" right="0.19685039370078741" top="0.39370078740157483" bottom="0.19685039370078741" header="0" footer="0"/>
      <printOptions horizontalCentered="1"/>
      <pageSetup paperSize="9" scale="44" orientation="portrait" r:id="rId9"/>
      <headerFooter alignWithMargins="0"/>
    </customSheetView>
  </customSheetViews>
  <mergeCells count="305">
    <mergeCell ref="H14:I14"/>
    <mergeCell ref="H15:I15"/>
    <mergeCell ref="H16:I16"/>
    <mergeCell ref="H20:I20"/>
    <mergeCell ref="H25:I25"/>
    <mergeCell ref="H30:I30"/>
    <mergeCell ref="H33:I33"/>
    <mergeCell ref="H39:I39"/>
    <mergeCell ref="H68:I68"/>
    <mergeCell ref="H42:H43"/>
    <mergeCell ref="I42:I43"/>
    <mergeCell ref="H41:I41"/>
    <mergeCell ref="H76:I76"/>
    <mergeCell ref="B70:C70"/>
    <mergeCell ref="B71:C71"/>
    <mergeCell ref="B72:C72"/>
    <mergeCell ref="B73:C73"/>
    <mergeCell ref="B74:C74"/>
    <mergeCell ref="B75:C75"/>
    <mergeCell ref="B76:C76"/>
    <mergeCell ref="D71:E71"/>
    <mergeCell ref="D72:E72"/>
    <mergeCell ref="D73:E73"/>
    <mergeCell ref="D74:E74"/>
    <mergeCell ref="D75:E75"/>
    <mergeCell ref="D76:E76"/>
    <mergeCell ref="D70:E70"/>
    <mergeCell ref="H70:I70"/>
    <mergeCell ref="H71:I71"/>
    <mergeCell ref="H72:I72"/>
    <mergeCell ref="H73:I73"/>
    <mergeCell ref="H74:I74"/>
    <mergeCell ref="H75:I75"/>
    <mergeCell ref="A114:A116"/>
    <mergeCell ref="F70:G70"/>
    <mergeCell ref="F71:G71"/>
    <mergeCell ref="F72:G72"/>
    <mergeCell ref="F73:G73"/>
    <mergeCell ref="F74:G74"/>
    <mergeCell ref="F75:G75"/>
    <mergeCell ref="F76:G76"/>
    <mergeCell ref="F109:G109"/>
    <mergeCell ref="B97:C97"/>
    <mergeCell ref="D97:E97"/>
    <mergeCell ref="F97:G97"/>
    <mergeCell ref="F98:G98"/>
    <mergeCell ref="B98:C98"/>
    <mergeCell ref="D98:E98"/>
    <mergeCell ref="D111:E111"/>
    <mergeCell ref="B115:B116"/>
    <mergeCell ref="C115:C116"/>
    <mergeCell ref="D108:E108"/>
    <mergeCell ref="D109:E109"/>
    <mergeCell ref="D100:E100"/>
    <mergeCell ref="B100:C100"/>
    <mergeCell ref="F100:G100"/>
    <mergeCell ref="A79:C79"/>
    <mergeCell ref="B66:C67"/>
    <mergeCell ref="D66:E67"/>
    <mergeCell ref="F66:G66"/>
    <mergeCell ref="H66:I66"/>
    <mergeCell ref="F67:G67"/>
    <mergeCell ref="H67:I67"/>
    <mergeCell ref="B68:C68"/>
    <mergeCell ref="B69:C69"/>
    <mergeCell ref="F68:G68"/>
    <mergeCell ref="F69:G69"/>
    <mergeCell ref="D68:E68"/>
    <mergeCell ref="D69:E69"/>
    <mergeCell ref="H69:I69"/>
    <mergeCell ref="F102:G102"/>
    <mergeCell ref="H102:I102"/>
    <mergeCell ref="D107:E107"/>
    <mergeCell ref="F107:G107"/>
    <mergeCell ref="D101:E101"/>
    <mergeCell ref="D102:E102"/>
    <mergeCell ref="D103:E103"/>
    <mergeCell ref="D104:E104"/>
    <mergeCell ref="D105:E105"/>
    <mergeCell ref="D106:E106"/>
    <mergeCell ref="H107:I107"/>
    <mergeCell ref="B39:C39"/>
    <mergeCell ref="D39:E39"/>
    <mergeCell ref="F39:G39"/>
    <mergeCell ref="B111:C111"/>
    <mergeCell ref="F111:G111"/>
    <mergeCell ref="H111:I111"/>
    <mergeCell ref="B103:C103"/>
    <mergeCell ref="F103:G103"/>
    <mergeCell ref="H103:I103"/>
    <mergeCell ref="B104:C104"/>
    <mergeCell ref="F104:G104"/>
    <mergeCell ref="H104:I104"/>
    <mergeCell ref="B105:C105"/>
    <mergeCell ref="F105:G105"/>
    <mergeCell ref="H105:I105"/>
    <mergeCell ref="B106:C106"/>
    <mergeCell ref="F106:G106"/>
    <mergeCell ref="H106:I106"/>
    <mergeCell ref="B109:C109"/>
    <mergeCell ref="H100:I100"/>
    <mergeCell ref="B101:C101"/>
    <mergeCell ref="F101:G101"/>
    <mergeCell ref="H101:I101"/>
    <mergeCell ref="B102:C102"/>
    <mergeCell ref="B37:C37"/>
    <mergeCell ref="D37:E37"/>
    <mergeCell ref="F37:G37"/>
    <mergeCell ref="H37:I37"/>
    <mergeCell ref="B27:C27"/>
    <mergeCell ref="D27:E27"/>
    <mergeCell ref="F27:G27"/>
    <mergeCell ref="H27:I27"/>
    <mergeCell ref="B28:C28"/>
    <mergeCell ref="D28:E28"/>
    <mergeCell ref="F28:G28"/>
    <mergeCell ref="H28:I28"/>
    <mergeCell ref="B29:C29"/>
    <mergeCell ref="D29:E29"/>
    <mergeCell ref="F29:G29"/>
    <mergeCell ref="H29:I29"/>
    <mergeCell ref="B35:C35"/>
    <mergeCell ref="D35:E35"/>
    <mergeCell ref="F35:G35"/>
    <mergeCell ref="H35:I35"/>
    <mergeCell ref="H34:I34"/>
    <mergeCell ref="H36:I36"/>
    <mergeCell ref="F30:G30"/>
    <mergeCell ref="F31:G31"/>
    <mergeCell ref="D87:E87"/>
    <mergeCell ref="A84:C84"/>
    <mergeCell ref="A85:C85"/>
    <mergeCell ref="A86:C86"/>
    <mergeCell ref="D82:F82"/>
    <mergeCell ref="G82:I82"/>
    <mergeCell ref="A81:C82"/>
    <mergeCell ref="D79:I79"/>
    <mergeCell ref="A83:C83"/>
    <mergeCell ref="D81:I81"/>
    <mergeCell ref="D83:F83"/>
    <mergeCell ref="D84:F84"/>
    <mergeCell ref="D85:F85"/>
    <mergeCell ref="D86:F86"/>
    <mergeCell ref="G83:I83"/>
    <mergeCell ref="G84:I84"/>
    <mergeCell ref="G85:I85"/>
    <mergeCell ref="G86:I86"/>
    <mergeCell ref="D18:E18"/>
    <mergeCell ref="F18:G18"/>
    <mergeCell ref="H18:I18"/>
    <mergeCell ref="B22:C22"/>
    <mergeCell ref="D22:E22"/>
    <mergeCell ref="F22:G22"/>
    <mergeCell ref="B15:C15"/>
    <mergeCell ref="A65:A67"/>
    <mergeCell ref="A78:C78"/>
    <mergeCell ref="D78:I78"/>
    <mergeCell ref="B65:C65"/>
    <mergeCell ref="D65:E65"/>
    <mergeCell ref="F65:I65"/>
    <mergeCell ref="F23:G23"/>
    <mergeCell ref="H23:I23"/>
    <mergeCell ref="B24:C24"/>
    <mergeCell ref="D24:E24"/>
    <mergeCell ref="F24:G24"/>
    <mergeCell ref="H24:I24"/>
    <mergeCell ref="B25:C25"/>
    <mergeCell ref="D25:E25"/>
    <mergeCell ref="F25:G25"/>
    <mergeCell ref="B26:C26"/>
    <mergeCell ref="D26:E26"/>
    <mergeCell ref="F32:G32"/>
    <mergeCell ref="F33:G33"/>
    <mergeCell ref="F34:G34"/>
    <mergeCell ref="F16:G16"/>
    <mergeCell ref="H17:I17"/>
    <mergeCell ref="H31:I31"/>
    <mergeCell ref="H32:I32"/>
    <mergeCell ref="F26:G26"/>
    <mergeCell ref="H26:I26"/>
    <mergeCell ref="F14:G14"/>
    <mergeCell ref="F15:G15"/>
    <mergeCell ref="D41:E41"/>
    <mergeCell ref="F41:G41"/>
    <mergeCell ref="H38:I38"/>
    <mergeCell ref="F38:G38"/>
    <mergeCell ref="B19:C19"/>
    <mergeCell ref="D19:E19"/>
    <mergeCell ref="F19:G19"/>
    <mergeCell ref="H19:I19"/>
    <mergeCell ref="B20:C20"/>
    <mergeCell ref="D20:E20"/>
    <mergeCell ref="F20:G20"/>
    <mergeCell ref="B21:C21"/>
    <mergeCell ref="D21:E21"/>
    <mergeCell ref="F21:G21"/>
    <mergeCell ref="H21:I21"/>
    <mergeCell ref="H22:I22"/>
    <mergeCell ref="B23:C23"/>
    <mergeCell ref="D23:E23"/>
    <mergeCell ref="F17:G17"/>
    <mergeCell ref="B14:C14"/>
    <mergeCell ref="D14:E14"/>
    <mergeCell ref="F36:G36"/>
    <mergeCell ref="A5:I5"/>
    <mergeCell ref="A4:I4"/>
    <mergeCell ref="A3:I3"/>
    <mergeCell ref="F9:G9"/>
    <mergeCell ref="B10:C10"/>
    <mergeCell ref="D10:E10"/>
    <mergeCell ref="B13:C13"/>
    <mergeCell ref="D13:E13"/>
    <mergeCell ref="D11:E12"/>
    <mergeCell ref="F13:G13"/>
    <mergeCell ref="B11:C12"/>
    <mergeCell ref="H11:I11"/>
    <mergeCell ref="H12:I12"/>
    <mergeCell ref="F11:G11"/>
    <mergeCell ref="F12:G12"/>
    <mergeCell ref="F10:I10"/>
    <mergeCell ref="H13:I13"/>
    <mergeCell ref="A6:I6"/>
    <mergeCell ref="A7:I7"/>
    <mergeCell ref="A41:A43"/>
    <mergeCell ref="A10:A12"/>
    <mergeCell ref="C42:C43"/>
    <mergeCell ref="B42:B43"/>
    <mergeCell ref="B17:C17"/>
    <mergeCell ref="D17:E17"/>
    <mergeCell ref="B33:C33"/>
    <mergeCell ref="D33:E33"/>
    <mergeCell ref="D15:E15"/>
    <mergeCell ref="B16:C16"/>
    <mergeCell ref="D16:E16"/>
    <mergeCell ref="B30:C30"/>
    <mergeCell ref="D30:E30"/>
    <mergeCell ref="B31:C31"/>
    <mergeCell ref="D31:E31"/>
    <mergeCell ref="B32:C32"/>
    <mergeCell ref="B34:C34"/>
    <mergeCell ref="D34:E34"/>
    <mergeCell ref="B36:C36"/>
    <mergeCell ref="D36:E36"/>
    <mergeCell ref="B38:C38"/>
    <mergeCell ref="D38:E38"/>
    <mergeCell ref="D32:E32"/>
    <mergeCell ref="B18:C18"/>
    <mergeCell ref="A88:A90"/>
    <mergeCell ref="B88:C88"/>
    <mergeCell ref="D88:E88"/>
    <mergeCell ref="F88:I88"/>
    <mergeCell ref="B89:C90"/>
    <mergeCell ref="D89:E90"/>
    <mergeCell ref="F89:G89"/>
    <mergeCell ref="H89:I89"/>
    <mergeCell ref="F90:G90"/>
    <mergeCell ref="H90:I90"/>
    <mergeCell ref="B91:C91"/>
    <mergeCell ref="D91:E91"/>
    <mergeCell ref="F91:G91"/>
    <mergeCell ref="B92:C92"/>
    <mergeCell ref="D92:E92"/>
    <mergeCell ref="F92:G92"/>
    <mergeCell ref="H92:I92"/>
    <mergeCell ref="B99:C99"/>
    <mergeCell ref="D99:E99"/>
    <mergeCell ref="F99:G99"/>
    <mergeCell ref="H99:I99"/>
    <mergeCell ref="H94:I94"/>
    <mergeCell ref="B95:C95"/>
    <mergeCell ref="D95:E95"/>
    <mergeCell ref="F95:G95"/>
    <mergeCell ref="H95:I95"/>
    <mergeCell ref="H97:I97"/>
    <mergeCell ref="B96:C96"/>
    <mergeCell ref="D96:E96"/>
    <mergeCell ref="F96:G96"/>
    <mergeCell ref="F94:G94"/>
    <mergeCell ref="B94:C94"/>
    <mergeCell ref="D94:E94"/>
    <mergeCell ref="H91:I91"/>
    <mergeCell ref="H115:H116"/>
    <mergeCell ref="I115:I116"/>
    <mergeCell ref="B93:C93"/>
    <mergeCell ref="D93:E93"/>
    <mergeCell ref="F93:G93"/>
    <mergeCell ref="H93:I93"/>
    <mergeCell ref="B112:C112"/>
    <mergeCell ref="D112:E112"/>
    <mergeCell ref="F112:G112"/>
    <mergeCell ref="H112:I112"/>
    <mergeCell ref="D114:E114"/>
    <mergeCell ref="F114:G114"/>
    <mergeCell ref="H114:I114"/>
    <mergeCell ref="B108:C108"/>
    <mergeCell ref="F108:G108"/>
    <mergeCell ref="H108:I108"/>
    <mergeCell ref="B110:C110"/>
    <mergeCell ref="F110:G110"/>
    <mergeCell ref="H110:I110"/>
    <mergeCell ref="B107:C107"/>
    <mergeCell ref="H96:I96"/>
    <mergeCell ref="H98:I98"/>
    <mergeCell ref="D110:E110"/>
    <mergeCell ref="H109:I109"/>
  </mergeCells>
  <printOptions horizontalCentered="1"/>
  <pageMargins left="0.19685039370078741" right="0.19685039370078741" top="0.39370078740157483" bottom="0.19685039370078741" header="0" footer="0"/>
  <pageSetup paperSize="9" scale="44" orientation="portrait" r:id="rId10"/>
  <headerFooter alignWithMargins="0"/>
  <drawing r:id="rId1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7">
    <pageSetUpPr fitToPage="1"/>
  </sheetPr>
  <dimension ref="A1:Q136"/>
  <sheetViews>
    <sheetView showGridLines="0" zoomScaleNormal="100" workbookViewId="0"/>
  </sheetViews>
  <sheetFormatPr defaultColWidth="4.140625" defaultRowHeight="11.25" customHeight="1" x14ac:dyDescent="0.2"/>
  <cols>
    <col min="1" max="1" width="70.7109375" style="152" customWidth="1"/>
    <col min="2" max="3" width="20.140625" style="1" bestFit="1" customWidth="1"/>
    <col min="4" max="9" width="15.7109375" style="1" customWidth="1"/>
    <col min="10" max="10" width="4.140625" style="221"/>
    <col min="11" max="16384" width="4.140625" style="1"/>
  </cols>
  <sheetData>
    <row r="1" spans="1:10" s="26" customFormat="1" ht="11.25" customHeight="1" x14ac:dyDescent="0.2">
      <c r="A1" s="294"/>
      <c r="B1" s="294"/>
      <c r="C1" s="294"/>
      <c r="D1" s="294"/>
      <c r="E1" s="294"/>
      <c r="F1" s="294"/>
      <c r="G1" s="294"/>
      <c r="H1" s="294"/>
      <c r="I1" s="294"/>
      <c r="J1" s="112"/>
    </row>
    <row r="2" spans="1:10" s="26" customFormat="1" ht="11.25" customHeight="1" x14ac:dyDescent="0.2">
      <c r="A2" s="153"/>
      <c r="J2" s="112"/>
    </row>
    <row r="3" spans="1:10" s="45" customFormat="1" ht="10.5" x14ac:dyDescent="0.2">
      <c r="A3" s="720" t="s">
        <v>638</v>
      </c>
      <c r="B3" s="720"/>
      <c r="C3" s="720"/>
      <c r="D3" s="720"/>
      <c r="E3" s="720"/>
      <c r="F3" s="720"/>
      <c r="G3" s="720"/>
      <c r="H3" s="720"/>
      <c r="I3" s="720"/>
      <c r="J3" s="56"/>
    </row>
    <row r="4" spans="1:10" s="45" customFormat="1" ht="10.5" x14ac:dyDescent="0.2">
      <c r="A4" s="720" t="s">
        <v>105</v>
      </c>
      <c r="B4" s="720"/>
      <c r="C4" s="720"/>
      <c r="D4" s="720"/>
      <c r="E4" s="720"/>
      <c r="F4" s="720"/>
      <c r="G4" s="720"/>
      <c r="H4" s="720"/>
      <c r="I4" s="720"/>
      <c r="J4" s="56"/>
    </row>
    <row r="5" spans="1:10" s="45" customFormat="1" ht="10.5" x14ac:dyDescent="0.2">
      <c r="A5" s="720" t="s">
        <v>127</v>
      </c>
      <c r="B5" s="720"/>
      <c r="C5" s="720"/>
      <c r="D5" s="720"/>
      <c r="E5" s="720"/>
      <c r="F5" s="720"/>
      <c r="G5" s="720"/>
      <c r="H5" s="720"/>
      <c r="I5" s="720"/>
      <c r="J5" s="56"/>
    </row>
    <row r="6" spans="1:10" s="45" customFormat="1" ht="10.5" x14ac:dyDescent="0.2">
      <c r="A6" s="720" t="s">
        <v>738</v>
      </c>
      <c r="B6" s="720"/>
      <c r="C6" s="720"/>
      <c r="D6" s="720"/>
      <c r="E6" s="720"/>
      <c r="F6" s="720"/>
      <c r="G6" s="720"/>
      <c r="H6" s="720"/>
      <c r="I6" s="720"/>
      <c r="J6" s="56"/>
    </row>
    <row r="7" spans="1:10" s="45" customFormat="1" ht="10.5" x14ac:dyDescent="0.2">
      <c r="A7" s="720" t="s">
        <v>891</v>
      </c>
      <c r="B7" s="720"/>
      <c r="C7" s="720"/>
      <c r="D7" s="720"/>
      <c r="E7" s="720"/>
      <c r="F7" s="720"/>
      <c r="G7" s="720"/>
      <c r="H7" s="720"/>
      <c r="I7" s="720"/>
      <c r="J7" s="56"/>
    </row>
    <row r="8" spans="1:10" s="26" customFormat="1" ht="11.25" customHeight="1" x14ac:dyDescent="0.2">
      <c r="J8" s="112"/>
    </row>
    <row r="9" spans="1:10" s="26" customFormat="1" ht="10.5" x14ac:dyDescent="0.2">
      <c r="A9" s="26" t="s">
        <v>366</v>
      </c>
      <c r="F9" s="808"/>
      <c r="G9" s="808"/>
      <c r="I9" s="620">
        <v>1</v>
      </c>
      <c r="J9" s="112"/>
    </row>
    <row r="10" spans="1:10" ht="15" customHeight="1" x14ac:dyDescent="0.15">
      <c r="A10" s="781" t="s">
        <v>110</v>
      </c>
      <c r="B10" s="798" t="s">
        <v>108</v>
      </c>
      <c r="C10" s="799"/>
      <c r="D10" s="798" t="s">
        <v>108</v>
      </c>
      <c r="E10" s="799"/>
      <c r="F10" s="793" t="s">
        <v>109</v>
      </c>
      <c r="G10" s="800"/>
      <c r="H10" s="800"/>
      <c r="I10" s="800"/>
    </row>
    <row r="11" spans="1:10" ht="15" customHeight="1" x14ac:dyDescent="0.2">
      <c r="A11" s="784"/>
      <c r="B11" s="801" t="s">
        <v>111</v>
      </c>
      <c r="C11" s="802"/>
      <c r="D11" s="804" t="s">
        <v>112</v>
      </c>
      <c r="E11" s="784"/>
      <c r="F11" s="779" t="s">
        <v>115</v>
      </c>
      <c r="G11" s="781"/>
      <c r="H11" s="779" t="s">
        <v>115</v>
      </c>
      <c r="I11" s="780"/>
    </row>
    <row r="12" spans="1:10" ht="15" customHeight="1" x14ac:dyDescent="0.2">
      <c r="A12" s="785"/>
      <c r="B12" s="794"/>
      <c r="C12" s="803"/>
      <c r="D12" s="805"/>
      <c r="E12" s="785"/>
      <c r="F12" s="801">
        <v>2016</v>
      </c>
      <c r="G12" s="802"/>
      <c r="H12" s="804">
        <v>2015</v>
      </c>
      <c r="I12" s="809"/>
    </row>
    <row r="13" spans="1:10" s="66" customFormat="1" ht="10.5" x14ac:dyDescent="0.2">
      <c r="A13" s="155" t="s">
        <v>281</v>
      </c>
      <c r="B13" s="718">
        <v>0</v>
      </c>
      <c r="C13" s="719"/>
      <c r="D13" s="718">
        <v>38903301.159999996</v>
      </c>
      <c r="E13" s="719"/>
      <c r="F13" s="718">
        <v>38903301.159999996</v>
      </c>
      <c r="G13" s="719"/>
      <c r="H13" s="718">
        <v>18805320.66</v>
      </c>
      <c r="I13" s="751"/>
      <c r="J13" s="155"/>
    </row>
    <row r="14" spans="1:10" s="66" customFormat="1" ht="10.5" x14ac:dyDescent="0.2">
      <c r="A14" s="155" t="s">
        <v>8</v>
      </c>
      <c r="B14" s="716">
        <v>0</v>
      </c>
      <c r="C14" s="717"/>
      <c r="D14" s="716">
        <v>38903301.159999996</v>
      </c>
      <c r="E14" s="717"/>
      <c r="F14" s="716">
        <v>38903301.159999996</v>
      </c>
      <c r="G14" s="717"/>
      <c r="H14" s="716">
        <v>18805320.66</v>
      </c>
      <c r="I14" s="741"/>
      <c r="J14" s="155"/>
    </row>
    <row r="15" spans="1:10" ht="10.5" x14ac:dyDescent="0.2">
      <c r="A15" s="268" t="s">
        <v>128</v>
      </c>
      <c r="B15" s="704">
        <v>0</v>
      </c>
      <c r="C15" s="705"/>
      <c r="D15" s="704">
        <v>20932315.16</v>
      </c>
      <c r="E15" s="705"/>
      <c r="F15" s="704">
        <v>20932315.16</v>
      </c>
      <c r="G15" s="705"/>
      <c r="H15" s="704">
        <v>14149979.59</v>
      </c>
      <c r="I15" s="752"/>
    </row>
    <row r="16" spans="1:10" ht="10.5" x14ac:dyDescent="0.2">
      <c r="A16" s="268" t="s">
        <v>282</v>
      </c>
      <c r="B16" s="704">
        <v>0</v>
      </c>
      <c r="C16" s="705"/>
      <c r="D16" s="704">
        <v>18055195.390000001</v>
      </c>
      <c r="E16" s="705"/>
      <c r="F16" s="704">
        <v>18055195.390000001</v>
      </c>
      <c r="G16" s="705"/>
      <c r="H16" s="704">
        <v>12173438.699999999</v>
      </c>
      <c r="I16" s="752"/>
    </row>
    <row r="17" spans="1:9" ht="10.5" x14ac:dyDescent="0.2">
      <c r="A17" s="268" t="s">
        <v>129</v>
      </c>
      <c r="B17" s="704"/>
      <c r="C17" s="705"/>
      <c r="D17" s="704">
        <v>18054942.969999999</v>
      </c>
      <c r="E17" s="705"/>
      <c r="F17" s="704">
        <v>18054942.969999999</v>
      </c>
      <c r="G17" s="705"/>
      <c r="H17" s="704">
        <v>12173438.699999999</v>
      </c>
      <c r="I17" s="752"/>
    </row>
    <row r="18" spans="1:9" ht="10.5" x14ac:dyDescent="0.2">
      <c r="A18" s="268" t="s">
        <v>130</v>
      </c>
      <c r="B18" s="704"/>
      <c r="C18" s="705"/>
      <c r="D18" s="704">
        <v>0</v>
      </c>
      <c r="E18" s="705"/>
      <c r="F18" s="704">
        <v>0</v>
      </c>
      <c r="G18" s="705"/>
      <c r="H18" s="704">
        <v>0</v>
      </c>
      <c r="I18" s="752"/>
    </row>
    <row r="19" spans="1:9" ht="10.5" x14ac:dyDescent="0.2">
      <c r="A19" s="268" t="s">
        <v>131</v>
      </c>
      <c r="B19" s="704"/>
      <c r="C19" s="705"/>
      <c r="D19" s="704">
        <v>252.42</v>
      </c>
      <c r="E19" s="705"/>
      <c r="F19" s="704">
        <v>252.42</v>
      </c>
      <c r="G19" s="705"/>
      <c r="H19" s="704">
        <v>0</v>
      </c>
      <c r="I19" s="752"/>
    </row>
    <row r="20" spans="1:9" ht="10.5" x14ac:dyDescent="0.2">
      <c r="A20" s="268" t="s">
        <v>283</v>
      </c>
      <c r="B20" s="704">
        <v>0</v>
      </c>
      <c r="C20" s="705"/>
      <c r="D20" s="704">
        <v>2877119.77</v>
      </c>
      <c r="E20" s="705"/>
      <c r="F20" s="704">
        <v>2877119.77</v>
      </c>
      <c r="G20" s="705"/>
      <c r="H20" s="704">
        <v>1976540.89</v>
      </c>
      <c r="I20" s="752"/>
    </row>
    <row r="21" spans="1:9" ht="10.5" x14ac:dyDescent="0.2">
      <c r="A21" s="268" t="s">
        <v>132</v>
      </c>
      <c r="B21" s="704"/>
      <c r="C21" s="705"/>
      <c r="D21" s="704">
        <v>2877119.77</v>
      </c>
      <c r="E21" s="705"/>
      <c r="F21" s="704">
        <v>2877119.77</v>
      </c>
      <c r="G21" s="705"/>
      <c r="H21" s="704">
        <v>1976540.89</v>
      </c>
      <c r="I21" s="752"/>
    </row>
    <row r="22" spans="1:9" ht="10.5" x14ac:dyDescent="0.2">
      <c r="A22" s="268" t="s">
        <v>133</v>
      </c>
      <c r="B22" s="704"/>
      <c r="C22" s="705"/>
      <c r="D22" s="704">
        <v>0</v>
      </c>
      <c r="E22" s="705"/>
      <c r="F22" s="704">
        <v>0</v>
      </c>
      <c r="G22" s="705"/>
      <c r="H22" s="704">
        <v>0</v>
      </c>
      <c r="I22" s="752"/>
    </row>
    <row r="23" spans="1:9" ht="10.5" x14ac:dyDescent="0.2">
      <c r="A23" s="268" t="s">
        <v>740</v>
      </c>
      <c r="B23" s="704"/>
      <c r="C23" s="705"/>
      <c r="D23" s="704">
        <v>0</v>
      </c>
      <c r="E23" s="705"/>
      <c r="F23" s="704">
        <v>0</v>
      </c>
      <c r="G23" s="705"/>
      <c r="H23" s="704">
        <v>0</v>
      </c>
      <c r="I23" s="752"/>
    </row>
    <row r="24" spans="1:9" ht="10.5" x14ac:dyDescent="0.2">
      <c r="A24" s="268" t="s">
        <v>155</v>
      </c>
      <c r="B24" s="704"/>
      <c r="C24" s="705"/>
      <c r="D24" s="704">
        <v>0</v>
      </c>
      <c r="E24" s="705"/>
      <c r="F24" s="704">
        <v>0</v>
      </c>
      <c r="G24" s="705"/>
      <c r="H24" s="704">
        <v>12892.62</v>
      </c>
      <c r="I24" s="752"/>
    </row>
    <row r="25" spans="1:9" ht="10.5" x14ac:dyDescent="0.2">
      <c r="A25" s="268" t="s">
        <v>311</v>
      </c>
      <c r="B25" s="704">
        <v>0</v>
      </c>
      <c r="C25" s="705"/>
      <c r="D25" s="704">
        <v>17970986</v>
      </c>
      <c r="E25" s="705"/>
      <c r="F25" s="704">
        <v>17970986</v>
      </c>
      <c r="G25" s="705"/>
      <c r="H25" s="704">
        <v>4642448.45</v>
      </c>
      <c r="I25" s="752"/>
    </row>
    <row r="26" spans="1:9" ht="10.5" x14ac:dyDescent="0.2">
      <c r="A26" s="268" t="s">
        <v>16</v>
      </c>
      <c r="B26" s="704"/>
      <c r="C26" s="705"/>
      <c r="D26" s="704">
        <v>0</v>
      </c>
      <c r="E26" s="705"/>
      <c r="F26" s="704">
        <v>0</v>
      </c>
      <c r="G26" s="705"/>
      <c r="H26" s="704">
        <v>0</v>
      </c>
      <c r="I26" s="752"/>
    </row>
    <row r="27" spans="1:9" ht="10.5" x14ac:dyDescent="0.2">
      <c r="A27" s="268" t="s">
        <v>17</v>
      </c>
      <c r="B27" s="704"/>
      <c r="C27" s="705"/>
      <c r="D27" s="704">
        <v>17970986</v>
      </c>
      <c r="E27" s="705"/>
      <c r="F27" s="704">
        <v>17970986</v>
      </c>
      <c r="G27" s="705"/>
      <c r="H27" s="704">
        <v>4642448.45</v>
      </c>
      <c r="I27" s="752"/>
    </row>
    <row r="28" spans="1:9" ht="10.5" x14ac:dyDescent="0.2">
      <c r="A28" s="268" t="s">
        <v>19</v>
      </c>
      <c r="B28" s="704"/>
      <c r="C28" s="705"/>
      <c r="D28" s="704">
        <v>0</v>
      </c>
      <c r="E28" s="705"/>
      <c r="F28" s="704">
        <v>0</v>
      </c>
      <c r="G28" s="705"/>
      <c r="H28" s="704">
        <v>0</v>
      </c>
      <c r="I28" s="752"/>
    </row>
    <row r="29" spans="1:9" ht="10.5" x14ac:dyDescent="0.2">
      <c r="A29" s="268" t="s">
        <v>227</v>
      </c>
      <c r="B29" s="704"/>
      <c r="C29" s="705"/>
      <c r="D29" s="704">
        <v>0</v>
      </c>
      <c r="E29" s="705"/>
      <c r="F29" s="704">
        <v>0</v>
      </c>
      <c r="G29" s="705"/>
      <c r="H29" s="704">
        <v>0</v>
      </c>
      <c r="I29" s="752"/>
    </row>
    <row r="30" spans="1:9" ht="10.5" x14ac:dyDescent="0.2">
      <c r="A30" s="54" t="s">
        <v>284</v>
      </c>
      <c r="B30" s="704">
        <v>0</v>
      </c>
      <c r="C30" s="705"/>
      <c r="D30" s="704">
        <v>0</v>
      </c>
      <c r="E30" s="705"/>
      <c r="F30" s="704">
        <v>0</v>
      </c>
      <c r="G30" s="705"/>
      <c r="H30" s="704">
        <v>0</v>
      </c>
      <c r="I30" s="752"/>
    </row>
    <row r="31" spans="1:9" ht="10.5" x14ac:dyDescent="0.2">
      <c r="A31" s="122" t="s">
        <v>543</v>
      </c>
      <c r="B31" s="704"/>
      <c r="C31" s="705"/>
      <c r="D31" s="704">
        <v>0</v>
      </c>
      <c r="E31" s="705"/>
      <c r="F31" s="704">
        <v>0</v>
      </c>
      <c r="G31" s="705"/>
      <c r="H31" s="704">
        <v>0</v>
      </c>
      <c r="I31" s="752"/>
    </row>
    <row r="32" spans="1:9" ht="10.5" x14ac:dyDescent="0.2">
      <c r="A32" s="122" t="s">
        <v>544</v>
      </c>
      <c r="B32" s="704"/>
      <c r="C32" s="705"/>
      <c r="D32" s="704">
        <v>0</v>
      </c>
      <c r="E32" s="705"/>
      <c r="F32" s="704">
        <v>0</v>
      </c>
      <c r="G32" s="705"/>
      <c r="H32" s="704">
        <v>0</v>
      </c>
      <c r="I32" s="752"/>
    </row>
    <row r="33" spans="1:17" s="66" customFormat="1" ht="10.5" x14ac:dyDescent="0.2">
      <c r="A33" s="156" t="s">
        <v>40</v>
      </c>
      <c r="B33" s="704">
        <v>0</v>
      </c>
      <c r="C33" s="705"/>
      <c r="D33" s="704">
        <v>0</v>
      </c>
      <c r="E33" s="705"/>
      <c r="F33" s="704">
        <v>0</v>
      </c>
      <c r="G33" s="705"/>
      <c r="H33" s="704">
        <v>0</v>
      </c>
      <c r="I33" s="752"/>
      <c r="J33" s="155"/>
    </row>
    <row r="34" spans="1:17" ht="10.5" x14ac:dyDescent="0.2">
      <c r="A34" s="122" t="s">
        <v>120</v>
      </c>
      <c r="B34" s="704"/>
      <c r="C34" s="705"/>
      <c r="D34" s="704">
        <v>0</v>
      </c>
      <c r="E34" s="705"/>
      <c r="F34" s="704">
        <v>0</v>
      </c>
      <c r="G34" s="705"/>
      <c r="H34" s="704">
        <v>0</v>
      </c>
      <c r="I34" s="752"/>
    </row>
    <row r="35" spans="1:17" ht="10.5" x14ac:dyDescent="0.2">
      <c r="A35" s="268" t="s">
        <v>228</v>
      </c>
      <c r="B35" s="704"/>
      <c r="C35" s="705"/>
      <c r="D35" s="704">
        <v>0</v>
      </c>
      <c r="E35" s="705"/>
      <c r="F35" s="704">
        <v>0</v>
      </c>
      <c r="G35" s="705"/>
      <c r="H35" s="704">
        <v>0</v>
      </c>
      <c r="I35" s="752"/>
    </row>
    <row r="36" spans="1:17" ht="10.5" x14ac:dyDescent="0.2">
      <c r="A36" s="122" t="s">
        <v>285</v>
      </c>
      <c r="B36" s="704"/>
      <c r="C36" s="705"/>
      <c r="D36" s="704">
        <v>0</v>
      </c>
      <c r="E36" s="705"/>
      <c r="F36" s="704">
        <v>0</v>
      </c>
      <c r="G36" s="705"/>
      <c r="H36" s="704">
        <v>0</v>
      </c>
      <c r="I36" s="752"/>
    </row>
    <row r="37" spans="1:17" s="152" customFormat="1" ht="10.5" x14ac:dyDescent="0.2">
      <c r="A37" s="66"/>
      <c r="B37" s="704"/>
      <c r="C37" s="705"/>
      <c r="D37" s="704">
        <v>0</v>
      </c>
      <c r="E37" s="705"/>
      <c r="F37" s="704">
        <v>0</v>
      </c>
      <c r="G37" s="705"/>
      <c r="H37" s="704">
        <v>0</v>
      </c>
      <c r="I37" s="752"/>
      <c r="J37" s="221"/>
    </row>
    <row r="38" spans="1:17" s="66" customFormat="1" ht="15" customHeight="1" x14ac:dyDescent="0.2">
      <c r="A38" s="157" t="s">
        <v>545</v>
      </c>
      <c r="B38" s="708">
        <v>40860000</v>
      </c>
      <c r="C38" s="709"/>
      <c r="D38" s="708">
        <v>83655559.189999998</v>
      </c>
      <c r="E38" s="709"/>
      <c r="F38" s="708">
        <v>42795559.190000005</v>
      </c>
      <c r="G38" s="709"/>
      <c r="H38" s="708">
        <v>29898470.07</v>
      </c>
      <c r="I38" s="754"/>
      <c r="J38" s="155"/>
      <c r="Q38" s="675"/>
    </row>
    <row r="39" spans="1:17" ht="18.75" customHeight="1" x14ac:dyDescent="0.15">
      <c r="A39" s="123" t="s">
        <v>758</v>
      </c>
      <c r="B39" s="749">
        <v>40860000</v>
      </c>
      <c r="C39" s="757"/>
      <c r="D39" s="749">
        <v>122558860.34999999</v>
      </c>
      <c r="E39" s="757"/>
      <c r="F39" s="749">
        <v>81698860.349999994</v>
      </c>
      <c r="G39" s="757"/>
      <c r="H39" s="749">
        <v>48703790.730000004</v>
      </c>
      <c r="I39" s="750"/>
      <c r="Q39" s="697"/>
    </row>
    <row r="40" spans="1:17" ht="10.5" x14ac:dyDescent="0.2">
      <c r="A40" s="124"/>
      <c r="B40" s="121"/>
      <c r="C40" s="121"/>
      <c r="D40" s="15"/>
      <c r="E40" s="121"/>
      <c r="F40" s="74"/>
      <c r="G40" s="74"/>
      <c r="H40" s="25"/>
      <c r="I40" s="25"/>
    </row>
    <row r="41" spans="1:17" ht="30" customHeight="1" x14ac:dyDescent="0.15">
      <c r="A41" s="781" t="s">
        <v>160</v>
      </c>
      <c r="B41" s="200" t="s">
        <v>157</v>
      </c>
      <c r="C41" s="200" t="s">
        <v>157</v>
      </c>
      <c r="D41" s="729" t="s">
        <v>158</v>
      </c>
      <c r="E41" s="731"/>
      <c r="F41" s="795" t="s">
        <v>159</v>
      </c>
      <c r="G41" s="796"/>
      <c r="H41" s="795" t="s">
        <v>347</v>
      </c>
      <c r="I41" s="797"/>
    </row>
    <row r="42" spans="1:17" ht="15" customHeight="1" x14ac:dyDescent="0.2">
      <c r="A42" s="784"/>
      <c r="B42" s="807" t="s">
        <v>111</v>
      </c>
      <c r="C42" s="807" t="s">
        <v>112</v>
      </c>
      <c r="D42" s="306" t="s">
        <v>115</v>
      </c>
      <c r="E42" s="306" t="s">
        <v>115</v>
      </c>
      <c r="F42" s="306" t="s">
        <v>115</v>
      </c>
      <c r="G42" s="306" t="s">
        <v>115</v>
      </c>
      <c r="H42" s="791" t="s">
        <v>871</v>
      </c>
      <c r="I42" s="793" t="s">
        <v>872</v>
      </c>
    </row>
    <row r="43" spans="1:17" ht="15" customHeight="1" x14ac:dyDescent="0.2">
      <c r="A43" s="785"/>
      <c r="B43" s="783"/>
      <c r="C43" s="783"/>
      <c r="D43" s="311">
        <v>2016</v>
      </c>
      <c r="E43" s="310">
        <v>2015</v>
      </c>
      <c r="F43" s="311">
        <v>2016</v>
      </c>
      <c r="G43" s="310">
        <v>2015</v>
      </c>
      <c r="H43" s="792"/>
      <c r="I43" s="794"/>
    </row>
    <row r="44" spans="1:17" s="66" customFormat="1" ht="10.5" x14ac:dyDescent="0.2">
      <c r="A44" s="158" t="s">
        <v>134</v>
      </c>
      <c r="B44" s="430">
        <v>40860000</v>
      </c>
      <c r="C44" s="430">
        <v>43465413.039999999</v>
      </c>
      <c r="D44" s="430">
        <v>3887496.65</v>
      </c>
      <c r="E44" s="430">
        <v>1105001.1499999999</v>
      </c>
      <c r="F44" s="430">
        <v>2167286.5</v>
      </c>
      <c r="G44" s="430">
        <v>448929.39</v>
      </c>
      <c r="H44" s="430">
        <v>0</v>
      </c>
      <c r="I44" s="510">
        <v>0</v>
      </c>
      <c r="J44" s="155"/>
    </row>
    <row r="45" spans="1:17" s="66" customFormat="1" ht="10.5" x14ac:dyDescent="0.2">
      <c r="A45" s="66" t="s">
        <v>280</v>
      </c>
      <c r="B45" s="425">
        <v>38760000</v>
      </c>
      <c r="C45" s="425">
        <v>38786200</v>
      </c>
      <c r="D45" s="425">
        <v>400</v>
      </c>
      <c r="E45" s="425">
        <v>0</v>
      </c>
      <c r="F45" s="425">
        <v>400</v>
      </c>
      <c r="G45" s="425">
        <v>0</v>
      </c>
      <c r="H45" s="425">
        <v>0</v>
      </c>
      <c r="I45" s="426">
        <v>0</v>
      </c>
      <c r="J45" s="155"/>
    </row>
    <row r="46" spans="1:17" ht="10.5" x14ac:dyDescent="0.2">
      <c r="A46" s="26" t="s">
        <v>286</v>
      </c>
      <c r="B46" s="425">
        <v>38760000</v>
      </c>
      <c r="C46" s="425">
        <v>38786200</v>
      </c>
      <c r="D46" s="425">
        <v>400</v>
      </c>
      <c r="E46" s="425">
        <v>0</v>
      </c>
      <c r="F46" s="425">
        <v>400</v>
      </c>
      <c r="G46" s="425">
        <v>0</v>
      </c>
      <c r="H46" s="425">
        <v>0</v>
      </c>
      <c r="I46" s="426">
        <v>0</v>
      </c>
    </row>
    <row r="47" spans="1:17" ht="10.5" x14ac:dyDescent="0.2">
      <c r="A47" s="26" t="s">
        <v>287</v>
      </c>
      <c r="B47" s="425">
        <v>0</v>
      </c>
      <c r="C47" s="425">
        <v>0</v>
      </c>
      <c r="D47" s="425">
        <v>0</v>
      </c>
      <c r="E47" s="425">
        <v>0</v>
      </c>
      <c r="F47" s="425">
        <v>0</v>
      </c>
      <c r="G47" s="425">
        <v>0</v>
      </c>
      <c r="H47" s="425">
        <v>0</v>
      </c>
      <c r="I47" s="426">
        <v>0</v>
      </c>
    </row>
    <row r="48" spans="1:17" s="66" customFormat="1" ht="10.5" x14ac:dyDescent="0.2">
      <c r="A48" s="294" t="s">
        <v>135</v>
      </c>
      <c r="B48" s="423">
        <v>2100000</v>
      </c>
      <c r="C48" s="423">
        <v>4679213.04</v>
      </c>
      <c r="D48" s="423">
        <v>3887096.65</v>
      </c>
      <c r="E48" s="423">
        <v>1105001.1499999999</v>
      </c>
      <c r="F48" s="423">
        <v>2166886.5</v>
      </c>
      <c r="G48" s="423">
        <v>448929.39</v>
      </c>
      <c r="H48" s="423">
        <v>0</v>
      </c>
      <c r="I48" s="424">
        <v>0</v>
      </c>
      <c r="J48" s="155"/>
    </row>
    <row r="49" spans="1:17" ht="10.5" x14ac:dyDescent="0.2">
      <c r="A49" s="26" t="s">
        <v>201</v>
      </c>
      <c r="B49" s="425">
        <v>1726996</v>
      </c>
      <c r="C49" s="425">
        <v>4487409.04</v>
      </c>
      <c r="D49" s="425">
        <v>3741096.65</v>
      </c>
      <c r="E49" s="425">
        <v>1105001.1499999999</v>
      </c>
      <c r="F49" s="425">
        <v>2111902.73</v>
      </c>
      <c r="G49" s="425">
        <v>448929.39</v>
      </c>
      <c r="H49" s="425">
        <v>0</v>
      </c>
      <c r="I49" s="426">
        <v>0</v>
      </c>
    </row>
    <row r="50" spans="1:17" ht="10.5" x14ac:dyDescent="0.2">
      <c r="A50" s="26" t="s">
        <v>288</v>
      </c>
      <c r="B50" s="425">
        <v>0</v>
      </c>
      <c r="C50" s="425">
        <v>171000</v>
      </c>
      <c r="D50" s="425">
        <v>161000</v>
      </c>
      <c r="E50" s="425">
        <v>0</v>
      </c>
      <c r="F50" s="425">
        <v>46610.14</v>
      </c>
      <c r="G50" s="425">
        <v>0</v>
      </c>
      <c r="H50" s="425">
        <v>0</v>
      </c>
      <c r="I50" s="426">
        <v>0</v>
      </c>
    </row>
    <row r="51" spans="1:17" ht="10.5" x14ac:dyDescent="0.15">
      <c r="A51" s="26" t="s">
        <v>289</v>
      </c>
      <c r="B51" s="527">
        <v>11400</v>
      </c>
      <c r="C51" s="425">
        <v>213800</v>
      </c>
      <c r="D51" s="425">
        <v>105400</v>
      </c>
      <c r="E51" s="425">
        <v>30000</v>
      </c>
      <c r="F51" s="425">
        <v>61272.43</v>
      </c>
      <c r="G51" s="425">
        <v>3939.56</v>
      </c>
      <c r="H51" s="425">
        <v>0</v>
      </c>
      <c r="I51" s="426">
        <v>0</v>
      </c>
    </row>
    <row r="52" spans="1:17" ht="10.5" x14ac:dyDescent="0.15">
      <c r="A52" s="26" t="s">
        <v>290</v>
      </c>
      <c r="B52" s="519">
        <v>1715596</v>
      </c>
      <c r="C52" s="425">
        <v>4102609.04</v>
      </c>
      <c r="D52" s="425">
        <v>3474696.65</v>
      </c>
      <c r="E52" s="425">
        <v>1075001.1499999999</v>
      </c>
      <c r="F52" s="425">
        <v>2004020.1600000001</v>
      </c>
      <c r="G52" s="425">
        <v>444989.83</v>
      </c>
      <c r="H52" s="425">
        <v>0</v>
      </c>
      <c r="I52" s="426">
        <v>0</v>
      </c>
    </row>
    <row r="53" spans="1:17" ht="10.5" x14ac:dyDescent="0.2">
      <c r="A53" s="26" t="s">
        <v>202</v>
      </c>
      <c r="B53" s="507">
        <v>373004</v>
      </c>
      <c r="C53" s="425">
        <v>191804</v>
      </c>
      <c r="D53" s="425">
        <v>146000</v>
      </c>
      <c r="E53" s="425">
        <v>0</v>
      </c>
      <c r="F53" s="425">
        <v>54983.77</v>
      </c>
      <c r="G53" s="425">
        <v>0</v>
      </c>
      <c r="H53" s="425">
        <v>0</v>
      </c>
      <c r="I53" s="426">
        <v>0</v>
      </c>
    </row>
    <row r="54" spans="1:17" ht="10.5" x14ac:dyDescent="0.15">
      <c r="A54" s="26" t="s">
        <v>291</v>
      </c>
      <c r="B54" s="519">
        <v>0</v>
      </c>
      <c r="C54" s="425">
        <v>8772.24</v>
      </c>
      <c r="D54" s="425">
        <v>8772.24</v>
      </c>
      <c r="E54" s="425">
        <v>0</v>
      </c>
      <c r="F54" s="425">
        <v>8772.24</v>
      </c>
      <c r="G54" s="425">
        <v>0</v>
      </c>
      <c r="H54" s="425">
        <v>0</v>
      </c>
      <c r="I54" s="426">
        <v>0</v>
      </c>
    </row>
    <row r="55" spans="1:17" ht="10.5" x14ac:dyDescent="0.15">
      <c r="A55" s="26" t="s">
        <v>289</v>
      </c>
      <c r="B55" s="519">
        <v>30000</v>
      </c>
      <c r="C55" s="425">
        <v>87227.76</v>
      </c>
      <c r="D55" s="425">
        <v>87227.76</v>
      </c>
      <c r="E55" s="425">
        <v>0</v>
      </c>
      <c r="F55" s="425">
        <v>37107.85</v>
      </c>
      <c r="G55" s="425">
        <v>0</v>
      </c>
      <c r="H55" s="425">
        <v>0</v>
      </c>
      <c r="I55" s="426">
        <v>0</v>
      </c>
    </row>
    <row r="56" spans="1:17" ht="10.5" x14ac:dyDescent="0.15">
      <c r="A56" s="26" t="s">
        <v>290</v>
      </c>
      <c r="B56" s="519">
        <v>343004</v>
      </c>
      <c r="C56" s="425">
        <v>95804</v>
      </c>
      <c r="D56" s="425">
        <v>50000</v>
      </c>
      <c r="E56" s="425">
        <v>0</v>
      </c>
      <c r="F56" s="425">
        <v>9103.68</v>
      </c>
      <c r="G56" s="425">
        <v>0</v>
      </c>
      <c r="H56" s="425">
        <v>0</v>
      </c>
      <c r="I56" s="426">
        <v>0</v>
      </c>
    </row>
    <row r="57" spans="1:17" ht="10.5" x14ac:dyDescent="0.2">
      <c r="A57" s="26" t="s">
        <v>292</v>
      </c>
      <c r="B57" s="507">
        <v>0</v>
      </c>
      <c r="C57" s="425">
        <v>0</v>
      </c>
      <c r="D57" s="425">
        <v>0</v>
      </c>
      <c r="E57" s="425">
        <v>0</v>
      </c>
      <c r="F57" s="425">
        <v>0</v>
      </c>
      <c r="G57" s="425">
        <v>0</v>
      </c>
      <c r="H57" s="425">
        <v>0</v>
      </c>
      <c r="I57" s="426">
        <v>0</v>
      </c>
    </row>
    <row r="58" spans="1:17" ht="10.5" x14ac:dyDescent="0.15">
      <c r="A58" s="26" t="s">
        <v>229</v>
      </c>
      <c r="B58" s="519">
        <v>0</v>
      </c>
      <c r="C58" s="425">
        <v>0</v>
      </c>
      <c r="D58" s="425">
        <v>0</v>
      </c>
      <c r="E58" s="425">
        <v>0</v>
      </c>
      <c r="F58" s="425">
        <v>0</v>
      </c>
      <c r="G58" s="425">
        <v>0</v>
      </c>
      <c r="H58" s="425">
        <v>0</v>
      </c>
      <c r="I58" s="426">
        <v>0</v>
      </c>
    </row>
    <row r="59" spans="1:17" ht="10.5" x14ac:dyDescent="0.15">
      <c r="A59" s="26" t="s">
        <v>60</v>
      </c>
      <c r="B59" s="519">
        <v>0</v>
      </c>
      <c r="C59" s="425">
        <v>0</v>
      </c>
      <c r="D59" s="425">
        <v>0</v>
      </c>
      <c r="E59" s="425">
        <v>0</v>
      </c>
      <c r="F59" s="425">
        <v>0</v>
      </c>
      <c r="G59" s="425">
        <v>0</v>
      </c>
      <c r="H59" s="425">
        <v>0</v>
      </c>
      <c r="I59" s="426">
        <v>0</v>
      </c>
      <c r="Q59" s="672"/>
    </row>
    <row r="60" spans="1:17" s="66" customFormat="1" ht="15" customHeight="1" x14ac:dyDescent="0.2">
      <c r="A60" s="319" t="s">
        <v>546</v>
      </c>
      <c r="B60" s="520">
        <v>0</v>
      </c>
      <c r="C60" s="423">
        <v>39586.959999999999</v>
      </c>
      <c r="D60" s="423">
        <v>39586.959999999999</v>
      </c>
      <c r="E60" s="423">
        <v>0</v>
      </c>
      <c r="F60" s="423">
        <v>39586.959999999999</v>
      </c>
      <c r="G60" s="423">
        <v>0</v>
      </c>
      <c r="H60" s="423">
        <v>0</v>
      </c>
      <c r="I60" s="424">
        <v>0</v>
      </c>
      <c r="J60" s="155"/>
    </row>
    <row r="61" spans="1:17" s="66" customFormat="1" ht="15" customHeight="1" x14ac:dyDescent="0.2">
      <c r="A61" s="27" t="s">
        <v>741</v>
      </c>
      <c r="B61" s="365">
        <v>40860000</v>
      </c>
      <c r="C61" s="365">
        <v>43505000</v>
      </c>
      <c r="D61" s="365">
        <v>3927083.61</v>
      </c>
      <c r="E61" s="365">
        <v>1105001.1499999999</v>
      </c>
      <c r="F61" s="365">
        <v>2206873.46</v>
      </c>
      <c r="G61" s="365">
        <v>448929.39</v>
      </c>
      <c r="H61" s="365">
        <v>0</v>
      </c>
      <c r="I61" s="366">
        <v>0</v>
      </c>
      <c r="J61" s="155"/>
    </row>
    <row r="62" spans="1:17" s="20" customFormat="1" ht="10.5" x14ac:dyDescent="0.2">
      <c r="A62" s="126"/>
      <c r="B62" s="523"/>
      <c r="C62" s="523"/>
      <c r="D62" s="523"/>
      <c r="E62" s="523"/>
      <c r="F62" s="524"/>
      <c r="G62" s="524"/>
      <c r="H62" s="524"/>
      <c r="I62" s="524"/>
      <c r="J62" s="221"/>
      <c r="Q62" s="698"/>
    </row>
    <row r="63" spans="1:17" s="66" customFormat="1" ht="15" customHeight="1" x14ac:dyDescent="0.2">
      <c r="A63" s="27" t="s">
        <v>547</v>
      </c>
      <c r="B63" s="365">
        <v>0</v>
      </c>
      <c r="C63" s="365">
        <v>79053860.349999994</v>
      </c>
      <c r="D63" s="365"/>
      <c r="E63" s="365"/>
      <c r="F63" s="365">
        <v>79491986.890000001</v>
      </c>
      <c r="G63" s="365">
        <v>48254861.340000004</v>
      </c>
      <c r="H63" s="365"/>
      <c r="I63" s="366"/>
      <c r="J63" s="155"/>
    </row>
    <row r="64" spans="1:17" ht="10.5" x14ac:dyDescent="0.2">
      <c r="A64" s="31"/>
      <c r="B64" s="28"/>
      <c r="C64" s="28"/>
      <c r="D64" s="28"/>
      <c r="E64" s="28"/>
      <c r="F64" s="221"/>
      <c r="G64" s="221"/>
      <c r="H64" s="221"/>
      <c r="I64" s="221"/>
      <c r="Q64" s="672"/>
    </row>
    <row r="65" spans="1:17" ht="12.75" customHeight="1" x14ac:dyDescent="0.15">
      <c r="A65" s="810" t="s">
        <v>548</v>
      </c>
      <c r="B65" s="798" t="s">
        <v>108</v>
      </c>
      <c r="C65" s="799"/>
      <c r="D65" s="798" t="s">
        <v>108</v>
      </c>
      <c r="E65" s="799"/>
      <c r="F65" s="793" t="s">
        <v>109</v>
      </c>
      <c r="G65" s="800"/>
      <c r="H65" s="800"/>
      <c r="I65" s="800"/>
      <c r="Q65" s="672"/>
    </row>
    <row r="66" spans="1:17" ht="10.5" x14ac:dyDescent="0.2">
      <c r="A66" s="802"/>
      <c r="B66" s="801" t="s">
        <v>111</v>
      </c>
      <c r="C66" s="802"/>
      <c r="D66" s="804" t="s">
        <v>112</v>
      </c>
      <c r="E66" s="784"/>
      <c r="F66" s="779" t="s">
        <v>115</v>
      </c>
      <c r="G66" s="781"/>
      <c r="H66" s="779" t="s">
        <v>115</v>
      </c>
      <c r="I66" s="780"/>
      <c r="Q66" s="672"/>
    </row>
    <row r="67" spans="1:17" ht="10.5" x14ac:dyDescent="0.2">
      <c r="A67" s="803"/>
      <c r="B67" s="794"/>
      <c r="C67" s="803"/>
      <c r="D67" s="805"/>
      <c r="E67" s="785"/>
      <c r="F67" s="801">
        <v>2016</v>
      </c>
      <c r="G67" s="802"/>
      <c r="H67" s="804">
        <v>2015</v>
      </c>
      <c r="I67" s="809"/>
      <c r="Q67" s="672"/>
    </row>
    <row r="68" spans="1:17" s="66" customFormat="1" ht="10.5" x14ac:dyDescent="0.2">
      <c r="A68" s="159" t="s">
        <v>136</v>
      </c>
      <c r="B68" s="712">
        <v>0</v>
      </c>
      <c r="C68" s="713"/>
      <c r="D68" s="712">
        <v>0</v>
      </c>
      <c r="E68" s="713"/>
      <c r="F68" s="830">
        <v>0</v>
      </c>
      <c r="G68" s="849"/>
      <c r="H68" s="830">
        <v>0</v>
      </c>
      <c r="I68" s="831"/>
      <c r="J68" s="155"/>
    </row>
    <row r="69" spans="1:17" s="66" customFormat="1" ht="10.5" x14ac:dyDescent="0.2">
      <c r="A69" s="159" t="s">
        <v>137</v>
      </c>
      <c r="B69" s="704">
        <v>0</v>
      </c>
      <c r="C69" s="705"/>
      <c r="D69" s="704">
        <v>0</v>
      </c>
      <c r="E69" s="705"/>
      <c r="F69" s="832">
        <v>0</v>
      </c>
      <c r="G69" s="838"/>
      <c r="H69" s="832">
        <v>0</v>
      </c>
      <c r="I69" s="833"/>
      <c r="J69" s="155"/>
    </row>
    <row r="70" spans="1:17" ht="10.5" x14ac:dyDescent="0.2">
      <c r="A70" s="118" t="s">
        <v>138</v>
      </c>
      <c r="B70" s="704"/>
      <c r="C70" s="705"/>
      <c r="D70" s="704">
        <v>0</v>
      </c>
      <c r="E70" s="705"/>
      <c r="F70" s="832"/>
      <c r="G70" s="838"/>
      <c r="H70" s="832">
        <v>0</v>
      </c>
      <c r="I70" s="833"/>
    </row>
    <row r="71" spans="1:17" ht="10.5" x14ac:dyDescent="0.2">
      <c r="A71" s="118" t="s">
        <v>139</v>
      </c>
      <c r="B71" s="704"/>
      <c r="C71" s="705"/>
      <c r="D71" s="704">
        <v>0</v>
      </c>
      <c r="E71" s="705"/>
      <c r="F71" s="832"/>
      <c r="G71" s="838"/>
      <c r="H71" s="832">
        <v>0</v>
      </c>
      <c r="I71" s="833"/>
    </row>
    <row r="72" spans="1:17" ht="10.5" x14ac:dyDescent="0.2">
      <c r="A72" s="118" t="s">
        <v>140</v>
      </c>
      <c r="B72" s="704"/>
      <c r="C72" s="705"/>
      <c r="D72" s="704">
        <v>0</v>
      </c>
      <c r="E72" s="705"/>
      <c r="F72" s="832"/>
      <c r="G72" s="838"/>
      <c r="H72" s="832">
        <v>0</v>
      </c>
      <c r="I72" s="833"/>
    </row>
    <row r="73" spans="1:17" s="66" customFormat="1" ht="10.5" x14ac:dyDescent="0.2">
      <c r="A73" s="159" t="s">
        <v>141</v>
      </c>
      <c r="B73" s="704">
        <v>0</v>
      </c>
      <c r="C73" s="705"/>
      <c r="D73" s="704">
        <v>0</v>
      </c>
      <c r="E73" s="705"/>
      <c r="F73" s="832">
        <v>0</v>
      </c>
      <c r="G73" s="838"/>
      <c r="H73" s="832">
        <v>0</v>
      </c>
      <c r="I73" s="833"/>
      <c r="J73" s="155"/>
    </row>
    <row r="74" spans="1:17" ht="10.5" x14ac:dyDescent="0.2">
      <c r="A74" s="118" t="s">
        <v>142</v>
      </c>
      <c r="B74" s="704"/>
      <c r="C74" s="705"/>
      <c r="D74" s="704">
        <v>0</v>
      </c>
      <c r="E74" s="705"/>
      <c r="F74" s="832"/>
      <c r="G74" s="838"/>
      <c r="H74" s="832"/>
      <c r="I74" s="833"/>
    </row>
    <row r="75" spans="1:17" ht="10.5" x14ac:dyDescent="0.2">
      <c r="A75" s="118" t="s">
        <v>143</v>
      </c>
      <c r="B75" s="704"/>
      <c r="C75" s="705"/>
      <c r="D75" s="704">
        <v>0</v>
      </c>
      <c r="E75" s="705"/>
      <c r="F75" s="832"/>
      <c r="G75" s="838"/>
      <c r="H75" s="832"/>
      <c r="I75" s="833"/>
    </row>
    <row r="76" spans="1:17" ht="10.5" x14ac:dyDescent="0.2">
      <c r="A76" s="120" t="s">
        <v>140</v>
      </c>
      <c r="B76" s="714"/>
      <c r="C76" s="715"/>
      <c r="D76" s="714">
        <v>0</v>
      </c>
      <c r="E76" s="715"/>
      <c r="F76" s="834"/>
      <c r="G76" s="844"/>
      <c r="H76" s="834"/>
      <c r="I76" s="835"/>
    </row>
    <row r="77" spans="1:17" ht="10.5" x14ac:dyDescent="0.2">
      <c r="A77" s="307"/>
      <c r="B77" s="307"/>
      <c r="C77" s="307"/>
      <c r="D77" s="191"/>
      <c r="E77" s="191"/>
      <c r="F77" s="191"/>
      <c r="G77" s="68"/>
      <c r="H77" s="68"/>
      <c r="I77" s="68"/>
    </row>
    <row r="78" spans="1:17" ht="15" customHeight="1" x14ac:dyDescent="0.2">
      <c r="A78" s="797" t="s">
        <v>144</v>
      </c>
      <c r="B78" s="797"/>
      <c r="C78" s="796"/>
      <c r="D78" s="795" t="s">
        <v>122</v>
      </c>
      <c r="E78" s="797"/>
      <c r="F78" s="797"/>
      <c r="G78" s="797"/>
      <c r="H78" s="797"/>
      <c r="I78" s="797"/>
    </row>
    <row r="79" spans="1:17" s="66" customFormat="1" ht="15" customHeight="1" x14ac:dyDescent="0.2">
      <c r="A79" s="845" t="s">
        <v>209</v>
      </c>
      <c r="B79" s="845"/>
      <c r="C79" s="846"/>
      <c r="D79" s="817"/>
      <c r="E79" s="818"/>
      <c r="F79" s="818"/>
      <c r="G79" s="818"/>
      <c r="H79" s="818"/>
      <c r="I79" s="818"/>
      <c r="J79" s="155"/>
    </row>
    <row r="80" spans="1:17" ht="10.5" x14ac:dyDescent="0.2">
      <c r="A80" s="309"/>
      <c r="B80" s="309"/>
      <c r="C80" s="309"/>
      <c r="D80" s="308"/>
      <c r="E80" s="308"/>
      <c r="F80" s="308"/>
      <c r="G80" s="74"/>
      <c r="H80" s="74"/>
      <c r="I80" s="74"/>
    </row>
    <row r="81" spans="1:10" ht="15" customHeight="1" x14ac:dyDescent="0.2">
      <c r="A81" s="800" t="s">
        <v>549</v>
      </c>
      <c r="B81" s="800"/>
      <c r="C81" s="810"/>
      <c r="D81" s="793" t="s">
        <v>208</v>
      </c>
      <c r="E81" s="800"/>
      <c r="F81" s="800"/>
      <c r="G81" s="800"/>
      <c r="H81" s="800"/>
      <c r="I81" s="800"/>
    </row>
    <row r="82" spans="1:10" ht="15.75" customHeight="1" x14ac:dyDescent="0.2">
      <c r="A82" s="816"/>
      <c r="B82" s="816"/>
      <c r="C82" s="803"/>
      <c r="D82" s="795">
        <v>2016</v>
      </c>
      <c r="E82" s="797"/>
      <c r="F82" s="796"/>
      <c r="G82" s="797">
        <v>2015</v>
      </c>
      <c r="H82" s="797"/>
      <c r="I82" s="797"/>
    </row>
    <row r="83" spans="1:10" s="66" customFormat="1" ht="10.5" x14ac:dyDescent="0.2">
      <c r="A83" s="819" t="s">
        <v>123</v>
      </c>
      <c r="B83" s="819"/>
      <c r="C83" s="820"/>
      <c r="D83" s="830">
        <v>0</v>
      </c>
      <c r="E83" s="831"/>
      <c r="F83" s="849"/>
      <c r="G83" s="830">
        <v>0</v>
      </c>
      <c r="H83" s="831"/>
      <c r="I83" s="831"/>
      <c r="J83" s="155"/>
    </row>
    <row r="84" spans="1:10" s="66" customFormat="1" ht="10.5" x14ac:dyDescent="0.2">
      <c r="A84" s="812" t="s">
        <v>124</v>
      </c>
      <c r="B84" s="812"/>
      <c r="C84" s="813"/>
      <c r="D84" s="832">
        <v>461674.5</v>
      </c>
      <c r="E84" s="833"/>
      <c r="F84" s="838"/>
      <c r="G84" s="832">
        <v>0</v>
      </c>
      <c r="H84" s="833"/>
      <c r="I84" s="833"/>
      <c r="J84" s="155"/>
    </row>
    <row r="85" spans="1:10" s="66" customFormat="1" ht="10.5" x14ac:dyDescent="0.2">
      <c r="A85" s="812" t="s">
        <v>125</v>
      </c>
      <c r="B85" s="812"/>
      <c r="C85" s="813"/>
      <c r="D85" s="832">
        <v>205817345.41999999</v>
      </c>
      <c r="E85" s="833"/>
      <c r="F85" s="838"/>
      <c r="G85" s="832">
        <v>89586907.609999999</v>
      </c>
      <c r="H85" s="833"/>
      <c r="I85" s="833"/>
      <c r="J85" s="155"/>
    </row>
    <row r="86" spans="1:10" s="66" customFormat="1" ht="10.5" x14ac:dyDescent="0.2">
      <c r="A86" s="814" t="s">
        <v>126</v>
      </c>
      <c r="B86" s="814"/>
      <c r="C86" s="815"/>
      <c r="D86" s="834">
        <v>0</v>
      </c>
      <c r="E86" s="835"/>
      <c r="F86" s="844"/>
      <c r="G86" s="834">
        <v>0</v>
      </c>
      <c r="H86" s="835"/>
      <c r="I86" s="835"/>
      <c r="J86" s="155"/>
    </row>
    <row r="87" spans="1:10" s="20" customFormat="1" ht="10.5" x14ac:dyDescent="0.2">
      <c r="A87" s="182"/>
      <c r="B87" s="182"/>
      <c r="C87" s="119"/>
      <c r="D87" s="811"/>
      <c r="E87" s="811"/>
      <c r="F87" s="307"/>
      <c r="G87" s="119"/>
      <c r="H87" s="74"/>
      <c r="I87" s="74"/>
      <c r="J87" s="221"/>
    </row>
    <row r="88" spans="1:10" ht="15" customHeight="1" x14ac:dyDescent="0.15">
      <c r="A88" s="781" t="s">
        <v>145</v>
      </c>
      <c r="B88" s="798" t="s">
        <v>108</v>
      </c>
      <c r="C88" s="799"/>
      <c r="D88" s="798" t="s">
        <v>108</v>
      </c>
      <c r="E88" s="799"/>
      <c r="F88" s="793" t="s">
        <v>109</v>
      </c>
      <c r="G88" s="800"/>
      <c r="H88" s="800"/>
      <c r="I88" s="800"/>
    </row>
    <row r="89" spans="1:10" ht="15" customHeight="1" x14ac:dyDescent="0.2">
      <c r="A89" s="784"/>
      <c r="B89" s="801" t="s">
        <v>111</v>
      </c>
      <c r="C89" s="802"/>
      <c r="D89" s="804" t="s">
        <v>112</v>
      </c>
      <c r="E89" s="784"/>
      <c r="F89" s="779" t="s">
        <v>115</v>
      </c>
      <c r="G89" s="781"/>
      <c r="H89" s="779" t="s">
        <v>115</v>
      </c>
      <c r="I89" s="780"/>
    </row>
    <row r="90" spans="1:10" ht="15" customHeight="1" x14ac:dyDescent="0.2">
      <c r="A90" s="785"/>
      <c r="B90" s="794"/>
      <c r="C90" s="803"/>
      <c r="D90" s="805"/>
      <c r="E90" s="785"/>
      <c r="F90" s="794">
        <v>2016</v>
      </c>
      <c r="G90" s="803"/>
      <c r="H90" s="805">
        <v>2015</v>
      </c>
      <c r="I90" s="806"/>
    </row>
    <row r="91" spans="1:10" s="66" customFormat="1" ht="10.5" x14ac:dyDescent="0.2">
      <c r="A91" s="155" t="s">
        <v>147</v>
      </c>
      <c r="B91" s="718">
        <v>40860000</v>
      </c>
      <c r="C91" s="719"/>
      <c r="D91" s="718">
        <v>83655559.189999998</v>
      </c>
      <c r="E91" s="719"/>
      <c r="F91" s="718">
        <v>42795559.190000005</v>
      </c>
      <c r="G91" s="719"/>
      <c r="H91" s="718">
        <v>29898470.07</v>
      </c>
      <c r="I91" s="751"/>
      <c r="J91" s="155"/>
    </row>
    <row r="92" spans="1:10" s="66" customFormat="1" ht="10.5" x14ac:dyDescent="0.2">
      <c r="A92" s="268" t="s">
        <v>178</v>
      </c>
      <c r="B92" s="704">
        <v>0</v>
      </c>
      <c r="C92" s="705"/>
      <c r="D92" s="704">
        <v>42795559.190000005</v>
      </c>
      <c r="E92" s="705"/>
      <c r="F92" s="704">
        <v>42795559.190000005</v>
      </c>
      <c r="G92" s="705"/>
      <c r="H92" s="704">
        <v>29898470.07</v>
      </c>
      <c r="I92" s="752"/>
      <c r="J92" s="155"/>
    </row>
    <row r="93" spans="1:10" ht="10.5" x14ac:dyDescent="0.2">
      <c r="A93" s="268" t="s">
        <v>146</v>
      </c>
      <c r="B93" s="704">
        <v>0</v>
      </c>
      <c r="C93" s="705"/>
      <c r="D93" s="704">
        <v>42795559.190000005</v>
      </c>
      <c r="E93" s="705"/>
      <c r="F93" s="704">
        <v>42795559.190000005</v>
      </c>
      <c r="G93" s="705"/>
      <c r="H93" s="704">
        <v>29898470.07</v>
      </c>
      <c r="I93" s="752"/>
    </row>
    <row r="94" spans="1:10" ht="10.5" x14ac:dyDescent="0.2">
      <c r="A94" s="268" t="s">
        <v>282</v>
      </c>
      <c r="B94" s="704">
        <v>0</v>
      </c>
      <c r="C94" s="705"/>
      <c r="D94" s="704">
        <v>36466682.380000003</v>
      </c>
      <c r="E94" s="705"/>
      <c r="F94" s="704">
        <v>36466682.380000003</v>
      </c>
      <c r="G94" s="705"/>
      <c r="H94" s="704">
        <v>22783478.32</v>
      </c>
      <c r="I94" s="752"/>
    </row>
    <row r="95" spans="1:10" ht="10.5" x14ac:dyDescent="0.2">
      <c r="A95" s="268" t="s">
        <v>129</v>
      </c>
      <c r="B95" s="704">
        <v>0</v>
      </c>
      <c r="C95" s="705"/>
      <c r="D95" s="704">
        <v>36466682.380000003</v>
      </c>
      <c r="E95" s="705"/>
      <c r="F95" s="704">
        <v>36466682.380000003</v>
      </c>
      <c r="G95" s="705"/>
      <c r="H95" s="704">
        <v>22783478.32</v>
      </c>
      <c r="I95" s="752"/>
    </row>
    <row r="96" spans="1:10" ht="10.5" x14ac:dyDescent="0.2">
      <c r="A96" s="268" t="s">
        <v>130</v>
      </c>
      <c r="B96" s="704">
        <v>0</v>
      </c>
      <c r="C96" s="705"/>
      <c r="D96" s="704">
        <v>0</v>
      </c>
      <c r="E96" s="705"/>
      <c r="F96" s="704"/>
      <c r="G96" s="705"/>
      <c r="H96" s="704">
        <v>0</v>
      </c>
      <c r="I96" s="752"/>
    </row>
    <row r="97" spans="1:10" ht="10.5" x14ac:dyDescent="0.2">
      <c r="A97" s="268" t="s">
        <v>131</v>
      </c>
      <c r="B97" s="704">
        <v>0</v>
      </c>
      <c r="C97" s="705"/>
      <c r="D97" s="704">
        <v>0</v>
      </c>
      <c r="E97" s="705"/>
      <c r="F97" s="704"/>
      <c r="G97" s="705"/>
      <c r="H97" s="704">
        <v>0</v>
      </c>
      <c r="I97" s="752"/>
    </row>
    <row r="98" spans="1:10" ht="10.5" x14ac:dyDescent="0.2">
      <c r="A98" s="268" t="s">
        <v>283</v>
      </c>
      <c r="B98" s="704">
        <v>0</v>
      </c>
      <c r="C98" s="705"/>
      <c r="D98" s="704">
        <v>6328876.8099999996</v>
      </c>
      <c r="E98" s="705"/>
      <c r="F98" s="704">
        <v>6328876.8099999996</v>
      </c>
      <c r="G98" s="705"/>
      <c r="H98" s="704">
        <v>7114991.75</v>
      </c>
      <c r="I98" s="752"/>
    </row>
    <row r="99" spans="1:10" ht="10.5" x14ac:dyDescent="0.2">
      <c r="A99" s="268" t="s">
        <v>132</v>
      </c>
      <c r="B99" s="704">
        <v>0</v>
      </c>
      <c r="C99" s="705"/>
      <c r="D99" s="704">
        <v>6328876.8099999996</v>
      </c>
      <c r="E99" s="705"/>
      <c r="F99" s="704">
        <v>6328876.8099999996</v>
      </c>
      <c r="G99" s="705"/>
      <c r="H99" s="704">
        <v>7114991.75</v>
      </c>
      <c r="I99" s="752"/>
    </row>
    <row r="100" spans="1:10" ht="10.5" x14ac:dyDescent="0.2">
      <c r="A100" s="268" t="s">
        <v>133</v>
      </c>
      <c r="B100" s="704">
        <v>0</v>
      </c>
      <c r="C100" s="705"/>
      <c r="D100" s="704">
        <v>0</v>
      </c>
      <c r="E100" s="705"/>
      <c r="F100" s="704">
        <v>0</v>
      </c>
      <c r="G100" s="705"/>
      <c r="H100" s="704">
        <v>0</v>
      </c>
      <c r="I100" s="752"/>
    </row>
    <row r="101" spans="1:10" ht="10.5" x14ac:dyDescent="0.2">
      <c r="A101" s="268" t="s">
        <v>740</v>
      </c>
      <c r="B101" s="704">
        <v>0</v>
      </c>
      <c r="C101" s="705"/>
      <c r="D101" s="704">
        <v>0</v>
      </c>
      <c r="E101" s="705"/>
      <c r="F101" s="704">
        <v>0</v>
      </c>
      <c r="G101" s="705"/>
      <c r="H101" s="704">
        <v>0</v>
      </c>
      <c r="I101" s="752"/>
    </row>
    <row r="102" spans="1:10" ht="10.5" x14ac:dyDescent="0.2">
      <c r="A102" s="268" t="s">
        <v>760</v>
      </c>
      <c r="B102" s="704">
        <v>0</v>
      </c>
      <c r="C102" s="705"/>
      <c r="D102" s="704">
        <v>0</v>
      </c>
      <c r="E102" s="705"/>
      <c r="F102" s="704">
        <v>0</v>
      </c>
      <c r="G102" s="705"/>
      <c r="H102" s="704">
        <v>0</v>
      </c>
      <c r="I102" s="752"/>
    </row>
    <row r="103" spans="1:10" ht="10.5" x14ac:dyDescent="0.2">
      <c r="A103" s="268" t="s">
        <v>761</v>
      </c>
      <c r="B103" s="704">
        <v>0</v>
      </c>
      <c r="C103" s="705"/>
      <c r="D103" s="704">
        <v>0</v>
      </c>
      <c r="E103" s="705"/>
      <c r="F103" s="704">
        <v>0</v>
      </c>
      <c r="G103" s="705"/>
      <c r="H103" s="704">
        <v>0</v>
      </c>
      <c r="I103" s="752"/>
    </row>
    <row r="104" spans="1:10" ht="10.5" x14ac:dyDescent="0.2">
      <c r="A104" s="268" t="s">
        <v>179</v>
      </c>
      <c r="B104" s="704">
        <v>0</v>
      </c>
      <c r="C104" s="705"/>
      <c r="D104" s="704">
        <v>0</v>
      </c>
      <c r="E104" s="705"/>
      <c r="F104" s="704">
        <v>0</v>
      </c>
      <c r="G104" s="705"/>
      <c r="H104" s="704">
        <v>0</v>
      </c>
      <c r="I104" s="752"/>
    </row>
    <row r="105" spans="1:10" ht="10.5" x14ac:dyDescent="0.2">
      <c r="A105" s="268" t="s">
        <v>186</v>
      </c>
      <c r="B105" s="704">
        <v>0</v>
      </c>
      <c r="C105" s="705"/>
      <c r="D105" s="704">
        <v>0</v>
      </c>
      <c r="E105" s="705"/>
      <c r="F105" s="704">
        <v>0</v>
      </c>
      <c r="G105" s="705"/>
      <c r="H105" s="704">
        <v>0</v>
      </c>
      <c r="I105" s="752"/>
    </row>
    <row r="106" spans="1:10" ht="10.5" x14ac:dyDescent="0.2">
      <c r="A106" s="268" t="s">
        <v>183</v>
      </c>
      <c r="B106" s="704">
        <v>40860000</v>
      </c>
      <c r="C106" s="705"/>
      <c r="D106" s="704">
        <v>40860000</v>
      </c>
      <c r="E106" s="705"/>
      <c r="F106" s="704">
        <v>0</v>
      </c>
      <c r="G106" s="705"/>
      <c r="H106" s="704">
        <v>0</v>
      </c>
      <c r="I106" s="752"/>
    </row>
    <row r="107" spans="1:10" s="66" customFormat="1" ht="10.5" x14ac:dyDescent="0.2">
      <c r="A107" s="66" t="s">
        <v>148</v>
      </c>
      <c r="B107" s="704">
        <v>0</v>
      </c>
      <c r="C107" s="705"/>
      <c r="D107" s="704">
        <v>0</v>
      </c>
      <c r="E107" s="705"/>
      <c r="F107" s="704">
        <v>0</v>
      </c>
      <c r="G107" s="705"/>
      <c r="H107" s="704">
        <v>0</v>
      </c>
      <c r="I107" s="752"/>
      <c r="J107" s="155"/>
    </row>
    <row r="108" spans="1:10" ht="10.5" x14ac:dyDescent="0.2">
      <c r="A108" s="122" t="s">
        <v>120</v>
      </c>
      <c r="B108" s="704">
        <v>0</v>
      </c>
      <c r="C108" s="705"/>
      <c r="D108" s="704">
        <v>0</v>
      </c>
      <c r="E108" s="705"/>
      <c r="F108" s="704"/>
      <c r="G108" s="705"/>
      <c r="H108" s="704">
        <v>0</v>
      </c>
      <c r="I108" s="752"/>
    </row>
    <row r="109" spans="1:10" ht="10.5" x14ac:dyDescent="0.2">
      <c r="A109" s="268" t="s">
        <v>228</v>
      </c>
      <c r="B109" s="704">
        <v>0</v>
      </c>
      <c r="C109" s="705"/>
      <c r="D109" s="704">
        <v>0</v>
      </c>
      <c r="E109" s="705"/>
      <c r="F109" s="704"/>
      <c r="G109" s="705"/>
      <c r="H109" s="704">
        <v>0</v>
      </c>
      <c r="I109" s="752"/>
    </row>
    <row r="110" spans="1:10" ht="10.5" x14ac:dyDescent="0.2">
      <c r="A110" s="122" t="s">
        <v>285</v>
      </c>
      <c r="B110" s="704">
        <v>0</v>
      </c>
      <c r="C110" s="705"/>
      <c r="D110" s="704">
        <v>0</v>
      </c>
      <c r="E110" s="705"/>
      <c r="F110" s="704"/>
      <c r="G110" s="705"/>
      <c r="H110" s="704">
        <v>0</v>
      </c>
      <c r="I110" s="752"/>
    </row>
    <row r="111" spans="1:10" s="152" customFormat="1" ht="10.5" x14ac:dyDescent="0.2">
      <c r="A111" s="66"/>
      <c r="B111" s="714"/>
      <c r="C111" s="715"/>
      <c r="D111" s="714"/>
      <c r="E111" s="715"/>
      <c r="F111" s="714"/>
      <c r="G111" s="715"/>
      <c r="H111" s="714"/>
      <c r="I111" s="753"/>
      <c r="J111" s="221"/>
    </row>
    <row r="112" spans="1:10" s="161" customFormat="1" ht="21.75" customHeight="1" x14ac:dyDescent="0.2">
      <c r="A112" s="162" t="s">
        <v>759</v>
      </c>
      <c r="B112" s="749">
        <v>40860000</v>
      </c>
      <c r="C112" s="757"/>
      <c r="D112" s="749">
        <v>83655559.189999998</v>
      </c>
      <c r="E112" s="757"/>
      <c r="F112" s="749">
        <v>42795559.190000005</v>
      </c>
      <c r="G112" s="757"/>
      <c r="H112" s="749">
        <v>29898470.07</v>
      </c>
      <c r="I112" s="750"/>
      <c r="J112" s="409"/>
    </row>
    <row r="113" spans="1:10" ht="10.5" x14ac:dyDescent="0.15">
      <c r="A113" s="196"/>
      <c r="B113" s="197"/>
      <c r="C113" s="197"/>
      <c r="D113" s="198"/>
      <c r="E113" s="198"/>
      <c r="F113" s="198"/>
      <c r="G113" s="199"/>
      <c r="H113" s="199"/>
      <c r="I113" s="199"/>
    </row>
    <row r="114" spans="1:10" ht="33" customHeight="1" x14ac:dyDescent="0.15">
      <c r="A114" s="192"/>
      <c r="B114" s="200" t="s">
        <v>157</v>
      </c>
      <c r="C114" s="200" t="s">
        <v>157</v>
      </c>
      <c r="D114" s="729" t="s">
        <v>158</v>
      </c>
      <c r="E114" s="731"/>
      <c r="F114" s="795" t="s">
        <v>159</v>
      </c>
      <c r="G114" s="796"/>
      <c r="H114" s="795" t="s">
        <v>347</v>
      </c>
      <c r="I114" s="797"/>
    </row>
    <row r="115" spans="1:10" ht="15" customHeight="1" x14ac:dyDescent="0.2">
      <c r="A115" s="194" t="s">
        <v>149</v>
      </c>
      <c r="B115" s="807" t="s">
        <v>111</v>
      </c>
      <c r="C115" s="807" t="s">
        <v>112</v>
      </c>
      <c r="D115" s="306" t="s">
        <v>115</v>
      </c>
      <c r="E115" s="306" t="s">
        <v>115</v>
      </c>
      <c r="F115" s="306" t="s">
        <v>115</v>
      </c>
      <c r="G115" s="306" t="s">
        <v>115</v>
      </c>
      <c r="H115" s="791" t="s">
        <v>871</v>
      </c>
      <c r="I115" s="793" t="s">
        <v>872</v>
      </c>
    </row>
    <row r="116" spans="1:10" ht="15" customHeight="1" x14ac:dyDescent="0.2">
      <c r="A116" s="193"/>
      <c r="B116" s="783"/>
      <c r="C116" s="783"/>
      <c r="D116" s="311">
        <v>2016</v>
      </c>
      <c r="E116" s="310">
        <v>2015</v>
      </c>
      <c r="F116" s="311">
        <v>2016</v>
      </c>
      <c r="G116" s="310">
        <v>2015</v>
      </c>
      <c r="H116" s="792"/>
      <c r="I116" s="794"/>
    </row>
    <row r="117" spans="1:10" s="66" customFormat="1" ht="12.75" customHeight="1" x14ac:dyDescent="0.2">
      <c r="A117" s="160" t="s">
        <v>150</v>
      </c>
      <c r="B117" s="525">
        <v>0</v>
      </c>
      <c r="C117" s="525">
        <v>39586.959999999999</v>
      </c>
      <c r="D117" s="525">
        <v>39586.959999999999</v>
      </c>
      <c r="E117" s="525">
        <v>0</v>
      </c>
      <c r="F117" s="525">
        <v>39586.959999999999</v>
      </c>
      <c r="G117" s="525">
        <v>0</v>
      </c>
      <c r="H117" s="525">
        <v>0</v>
      </c>
      <c r="I117" s="526">
        <v>0</v>
      </c>
      <c r="J117" s="155"/>
    </row>
    <row r="118" spans="1:10" ht="10.5" x14ac:dyDescent="0.2">
      <c r="A118" s="29" t="s">
        <v>204</v>
      </c>
      <c r="B118" s="425"/>
      <c r="C118" s="425">
        <v>39586.959999999999</v>
      </c>
      <c r="D118" s="425">
        <v>39586.959999999999</v>
      </c>
      <c r="E118" s="425"/>
      <c r="F118" s="425">
        <v>39586.959999999999</v>
      </c>
      <c r="G118" s="425"/>
      <c r="H118" s="425"/>
      <c r="I118" s="523"/>
    </row>
    <row r="119" spans="1:10" ht="10.5" x14ac:dyDescent="0.2">
      <c r="A119" s="30" t="s">
        <v>205</v>
      </c>
      <c r="B119" s="425"/>
      <c r="C119" s="425"/>
      <c r="D119" s="425"/>
      <c r="E119" s="425"/>
      <c r="F119" s="425"/>
      <c r="G119" s="425"/>
      <c r="H119" s="425"/>
      <c r="I119" s="523"/>
    </row>
    <row r="120" spans="1:10" s="66" customFormat="1" ht="21" x14ac:dyDescent="0.2">
      <c r="A120" s="404" t="s">
        <v>151</v>
      </c>
      <c r="B120" s="365">
        <v>0</v>
      </c>
      <c r="C120" s="365">
        <v>39586.959999999999</v>
      </c>
      <c r="D120" s="365">
        <v>39586.959999999999</v>
      </c>
      <c r="E120" s="365">
        <v>0</v>
      </c>
      <c r="F120" s="365">
        <v>39586.959999999999</v>
      </c>
      <c r="G120" s="365">
        <v>0</v>
      </c>
      <c r="H120" s="365">
        <v>0</v>
      </c>
      <c r="I120" s="366">
        <v>0</v>
      </c>
      <c r="J120" s="155"/>
    </row>
    <row r="121" spans="1:10" ht="14.25" customHeight="1" x14ac:dyDescent="0.2">
      <c r="A121" s="182" t="s">
        <v>848</v>
      </c>
      <c r="B121" s="154"/>
      <c r="C121" s="154"/>
      <c r="D121" s="154"/>
      <c r="E121" s="154"/>
      <c r="I121" s="296"/>
    </row>
    <row r="122" spans="1:10" s="20" customFormat="1" ht="11.25" customHeight="1" x14ac:dyDescent="0.2">
      <c r="A122" s="221"/>
      <c r="J122" s="221"/>
    </row>
    <row r="124" spans="1:10" s="268" customFormat="1" ht="11.25" customHeight="1" x14ac:dyDescent="0.2">
      <c r="J124" s="221"/>
    </row>
    <row r="125" spans="1:10" s="268" customFormat="1" ht="11.25" customHeight="1" x14ac:dyDescent="0.2">
      <c r="J125" s="221"/>
    </row>
    <row r="128" spans="1:10" ht="11.25" customHeight="1" x14ac:dyDescent="0.2">
      <c r="A128" s="268"/>
      <c r="B128" s="268"/>
      <c r="C128" s="268"/>
      <c r="D128" s="268"/>
      <c r="E128" s="268"/>
      <c r="F128" s="268"/>
      <c r="G128" s="268"/>
      <c r="H128" s="268"/>
      <c r="I128" s="268"/>
    </row>
    <row r="130" s="45" customFormat="1" ht="11.25" customHeight="1" x14ac:dyDescent="0.2"/>
    <row r="131" s="45" customFormat="1" ht="11.25" customHeight="1" x14ac:dyDescent="0.2"/>
    <row r="132" s="45" customFormat="1" ht="11.25" customHeight="1" x14ac:dyDescent="0.2"/>
    <row r="133" s="45" customFormat="1" ht="11.25" customHeight="1" x14ac:dyDescent="0.2"/>
    <row r="134" s="45" customFormat="1" ht="11.25" customHeight="1" x14ac:dyDescent="0.2"/>
    <row r="135" s="45" customFormat="1" ht="11.25" customHeight="1" x14ac:dyDescent="0.2"/>
    <row r="136" s="45" customFormat="1" ht="11.25" customHeight="1" x14ac:dyDescent="0.2"/>
  </sheetData>
  <dataConsolidate/>
  <customSheetViews>
    <customSheetView guid="{C779D862-DE28-46CD-A428-4AAA1056D1E1}" showPageBreaks="1" showGridLines="0" fitToPage="1" printArea="1" topLeftCell="A7">
      <selection activeCell="A7" sqref="A7:E7"/>
      <pageMargins left="0.19685039370078741" right="0.19685039370078741" top="0.59055118110236227" bottom="0.19685039370078741" header="0" footer="0"/>
      <printOptions horizontalCentered="1"/>
      <pageSetup paperSize="9" scale="49" orientation="portrait" r:id="rId1"/>
      <headerFooter alignWithMargins="0"/>
    </customSheetView>
    <customSheetView guid="{3AAF6A5F-F9AA-430B-9AD9-1261ECDF41B5}" showPageBreaks="1" showGridLines="0" fitToPage="1" printArea="1">
      <selection activeCell="A52" sqref="A52"/>
      <pageMargins left="0.19685039370078741" right="0.19685039370078741" top="0.59055118110236227" bottom="0.19685039370078741" header="0" footer="0"/>
      <printOptions horizontalCentered="1"/>
      <pageSetup paperSize="9" scale="49" orientation="portrait" r:id="rId2"/>
      <headerFooter alignWithMargins="0"/>
    </customSheetView>
    <customSheetView guid="{25EF1E0D-169B-4051-B414-7E1196FC05E4}" showPageBreaks="1" showGridLines="0" fitToPage="1" printArea="1">
      <selection activeCell="H21" sqref="H21:I21"/>
      <pageMargins left="0.19685039370078741" right="0.19685039370078741" top="0.59055118110236227" bottom="0.19685039370078741" header="0" footer="0"/>
      <printOptions horizontalCentered="1"/>
      <pageSetup paperSize="9" scale="49" orientation="portrait" r:id="rId3"/>
      <headerFooter alignWithMargins="0"/>
    </customSheetView>
    <customSheetView guid="{82EDB5A4-4824-4632-A540-7A52C92F04C7}" showPageBreaks="1" showGridLines="0" fitToPage="1" printArea="1" topLeftCell="A29">
      <selection activeCell="H21" sqref="H21:I21"/>
      <pageMargins left="0.19685039370078741" right="0.19685039370078741" top="0.59055118110236227" bottom="0.19685039370078741" header="0" footer="0"/>
      <printOptions horizontalCentered="1"/>
      <pageSetup paperSize="9" scale="49" orientation="portrait" r:id="rId4"/>
      <headerFooter alignWithMargins="0"/>
    </customSheetView>
    <customSheetView guid="{15F968AB-9DD6-4E60-9FDC-FEF44C5FFDCB}" showPageBreaks="1" showGridLines="0" fitToPage="1" printArea="1">
      <pageMargins left="0.19685039370078741" right="0.19685039370078741" top="0.39370078740157483" bottom="0.19685039370078741" header="0" footer="0"/>
      <printOptions horizontalCentered="1"/>
      <pageSetup paperSize="9" scale="46" orientation="portrait" r:id="rId5"/>
      <headerFooter alignWithMargins="0"/>
    </customSheetView>
    <customSheetView guid="{D5976633-8ECB-4B00-B200-C7467CF5B10F}" showGridLines="0" fitToPage="1" topLeftCell="A118">
      <selection activeCell="A121" sqref="A121"/>
      <pageMargins left="0.39370078740157483" right="0.39370078740157483" top="0.98425196850393704" bottom="0.98425196850393704" header="0" footer="0.19685039370078741"/>
      <printOptions horizontalCentered="1"/>
      <pageSetup paperSize="9" scale="47" orientation="portrait" r:id="rId6"/>
      <headerFooter alignWithMargins="0"/>
    </customSheetView>
    <customSheetView guid="{B4FED47C-EE37-4843-A570-282D4F8229D4}" showGridLines="0" fitToPage="1" topLeftCell="A25">
      <selection activeCell="A8" sqref="A8"/>
      <pageMargins left="0.19685039370078741" right="0.19685039370078741" top="0.59055118110236227" bottom="0.19685039370078741" header="0" footer="0"/>
      <printOptions horizontalCentered="1"/>
      <pageSetup paperSize="9" scale="49" orientation="portrait" r:id="rId7"/>
      <headerFooter alignWithMargins="0"/>
    </customSheetView>
    <customSheetView guid="{6DBFA32C-4AA4-4E1D-9A48-697377C64CC3}" showPageBreaks="1" showGridLines="0" fitToPage="1" printArea="1" topLeftCell="A4">
      <selection activeCell="H9" sqref="H9"/>
      <pageMargins left="0.19685039370078741" right="0.19685039370078741" top="0.59055118110236227" bottom="0.19685039370078741" header="0" footer="0"/>
      <printOptions horizontalCentered="1"/>
      <pageSetup paperSize="9" scale="49" orientation="portrait" r:id="rId8"/>
      <headerFooter alignWithMargins="0"/>
    </customSheetView>
    <customSheetView guid="{09DEEE52-8A8D-4F12-80E3-55185B30DF10}" showGridLines="0" fitToPage="1" topLeftCell="B100">
      <pageMargins left="0.19685039370078741" right="0.19685039370078741" top="0.59055118110236227" bottom="0.19685039370078741" header="0" footer="0"/>
      <printOptions horizontalCentered="1"/>
      <pageSetup paperSize="9" scale="49" orientation="portrait" r:id="rId9"/>
      <headerFooter alignWithMargins="0"/>
    </customSheetView>
  </customSheetViews>
  <mergeCells count="304">
    <mergeCell ref="B98:C98"/>
    <mergeCell ref="D98:E98"/>
    <mergeCell ref="F98:G98"/>
    <mergeCell ref="D87:E87"/>
    <mergeCell ref="B88:C88"/>
    <mergeCell ref="D88:E88"/>
    <mergeCell ref="B89:C90"/>
    <mergeCell ref="D89:E90"/>
    <mergeCell ref="A83:C83"/>
    <mergeCell ref="D83:F83"/>
    <mergeCell ref="G83:I83"/>
    <mergeCell ref="A84:C84"/>
    <mergeCell ref="D84:F84"/>
    <mergeCell ref="G84:I84"/>
    <mergeCell ref="A85:C85"/>
    <mergeCell ref="D85:F85"/>
    <mergeCell ref="G85:I85"/>
    <mergeCell ref="A88:A90"/>
    <mergeCell ref="A79:C79"/>
    <mergeCell ref="D79:I79"/>
    <mergeCell ref="A81:C82"/>
    <mergeCell ref="D81:I81"/>
    <mergeCell ref="D82:F82"/>
    <mergeCell ref="G82:I82"/>
    <mergeCell ref="A86:C86"/>
    <mergeCell ref="D86:F86"/>
    <mergeCell ref="G86:I86"/>
    <mergeCell ref="B75:C75"/>
    <mergeCell ref="D75:E75"/>
    <mergeCell ref="F75:G75"/>
    <mergeCell ref="H75:I75"/>
    <mergeCell ref="B76:C76"/>
    <mergeCell ref="D76:E76"/>
    <mergeCell ref="F76:G76"/>
    <mergeCell ref="H76:I76"/>
    <mergeCell ref="A78:C78"/>
    <mergeCell ref="D78:I78"/>
    <mergeCell ref="B72:C72"/>
    <mergeCell ref="D72:E72"/>
    <mergeCell ref="F72:G72"/>
    <mergeCell ref="H72:I72"/>
    <mergeCell ref="B73:C73"/>
    <mergeCell ref="D73:E73"/>
    <mergeCell ref="F73:G73"/>
    <mergeCell ref="H73:I73"/>
    <mergeCell ref="B74:C74"/>
    <mergeCell ref="D74:E74"/>
    <mergeCell ref="F74:G74"/>
    <mergeCell ref="H74:I74"/>
    <mergeCell ref="B69:C69"/>
    <mergeCell ref="D69:E69"/>
    <mergeCell ref="F69:G69"/>
    <mergeCell ref="H69:I69"/>
    <mergeCell ref="B70:C70"/>
    <mergeCell ref="D70:E70"/>
    <mergeCell ref="F70:G70"/>
    <mergeCell ref="H70:I70"/>
    <mergeCell ref="B71:C71"/>
    <mergeCell ref="D71:E71"/>
    <mergeCell ref="F71:G71"/>
    <mergeCell ref="H71:I71"/>
    <mergeCell ref="F9:G9"/>
    <mergeCell ref="B10:C10"/>
    <mergeCell ref="D10:E10"/>
    <mergeCell ref="B11:C12"/>
    <mergeCell ref="D11:E12"/>
    <mergeCell ref="B42:B43"/>
    <mergeCell ref="C42:C43"/>
    <mergeCell ref="B65:C65"/>
    <mergeCell ref="D65:E65"/>
    <mergeCell ref="F65:I65"/>
    <mergeCell ref="H38:I38"/>
    <mergeCell ref="B39:C39"/>
    <mergeCell ref="D39:E39"/>
    <mergeCell ref="F39:G39"/>
    <mergeCell ref="H39:I39"/>
    <mergeCell ref="D36:E36"/>
    <mergeCell ref="F36:G36"/>
    <mergeCell ref="H36:I36"/>
    <mergeCell ref="F33:G33"/>
    <mergeCell ref="H33:I33"/>
    <mergeCell ref="B34:C34"/>
    <mergeCell ref="D34:E34"/>
    <mergeCell ref="F34:G34"/>
    <mergeCell ref="H34:I34"/>
    <mergeCell ref="B110:C110"/>
    <mergeCell ref="D110:E110"/>
    <mergeCell ref="F110:G110"/>
    <mergeCell ref="H110:I110"/>
    <mergeCell ref="B107:C107"/>
    <mergeCell ref="D107:E107"/>
    <mergeCell ref="F107:G107"/>
    <mergeCell ref="H107:I107"/>
    <mergeCell ref="B108:C108"/>
    <mergeCell ref="D108:E108"/>
    <mergeCell ref="F108:G108"/>
    <mergeCell ref="H108:I108"/>
    <mergeCell ref="B109:C109"/>
    <mergeCell ref="D109:E109"/>
    <mergeCell ref="F109:G109"/>
    <mergeCell ref="B106:C106"/>
    <mergeCell ref="D106:E106"/>
    <mergeCell ref="F106:G106"/>
    <mergeCell ref="H106:I106"/>
    <mergeCell ref="B103:C103"/>
    <mergeCell ref="D103:E103"/>
    <mergeCell ref="F103:G103"/>
    <mergeCell ref="H103:I103"/>
    <mergeCell ref="B104:C104"/>
    <mergeCell ref="D104:E104"/>
    <mergeCell ref="F104:G104"/>
    <mergeCell ref="H104:I104"/>
    <mergeCell ref="D105:E105"/>
    <mergeCell ref="F105:G105"/>
    <mergeCell ref="B105:C105"/>
    <mergeCell ref="D100:E100"/>
    <mergeCell ref="H101:I101"/>
    <mergeCell ref="F91:G91"/>
    <mergeCell ref="F96:G96"/>
    <mergeCell ref="B66:C67"/>
    <mergeCell ref="D66:E67"/>
    <mergeCell ref="F66:G66"/>
    <mergeCell ref="H66:I66"/>
    <mergeCell ref="F89:G89"/>
    <mergeCell ref="H89:I89"/>
    <mergeCell ref="F90:G90"/>
    <mergeCell ref="D97:E97"/>
    <mergeCell ref="F97:G97"/>
    <mergeCell ref="B101:C101"/>
    <mergeCell ref="D101:E101"/>
    <mergeCell ref="F101:G101"/>
    <mergeCell ref="B96:C96"/>
    <mergeCell ref="B99:C99"/>
    <mergeCell ref="D99:E99"/>
    <mergeCell ref="F99:G99"/>
    <mergeCell ref="F67:G67"/>
    <mergeCell ref="B68:C68"/>
    <mergeCell ref="D68:E68"/>
    <mergeCell ref="F68:G68"/>
    <mergeCell ref="A65:A67"/>
    <mergeCell ref="H41:I41"/>
    <mergeCell ref="F41:G41"/>
    <mergeCell ref="D41:E41"/>
    <mergeCell ref="B37:C37"/>
    <mergeCell ref="D37:E37"/>
    <mergeCell ref="F37:G37"/>
    <mergeCell ref="H37:I37"/>
    <mergeCell ref="B38:C38"/>
    <mergeCell ref="D38:E38"/>
    <mergeCell ref="F38:G38"/>
    <mergeCell ref="A41:A43"/>
    <mergeCell ref="H67:I67"/>
    <mergeCell ref="F31:G31"/>
    <mergeCell ref="H31:I31"/>
    <mergeCell ref="B32:C32"/>
    <mergeCell ref="D32:E32"/>
    <mergeCell ref="F32:G32"/>
    <mergeCell ref="H32:I32"/>
    <mergeCell ref="F29:G29"/>
    <mergeCell ref="H29:I29"/>
    <mergeCell ref="B30:C30"/>
    <mergeCell ref="D30:E30"/>
    <mergeCell ref="F30:G30"/>
    <mergeCell ref="H30:I30"/>
    <mergeCell ref="F22:G22"/>
    <mergeCell ref="H22:I22"/>
    <mergeCell ref="B27:C27"/>
    <mergeCell ref="D27:E27"/>
    <mergeCell ref="F27:G27"/>
    <mergeCell ref="H27:I27"/>
    <mergeCell ref="B28:C28"/>
    <mergeCell ref="D28:E28"/>
    <mergeCell ref="F28:G28"/>
    <mergeCell ref="H28:I28"/>
    <mergeCell ref="B25:C25"/>
    <mergeCell ref="D25:E25"/>
    <mergeCell ref="F25:G25"/>
    <mergeCell ref="H25:I25"/>
    <mergeCell ref="B26:C26"/>
    <mergeCell ref="D26:E26"/>
    <mergeCell ref="F26:G26"/>
    <mergeCell ref="H26:I26"/>
    <mergeCell ref="B14:C14"/>
    <mergeCell ref="D13:E13"/>
    <mergeCell ref="F13:G13"/>
    <mergeCell ref="H13:I13"/>
    <mergeCell ref="D14:E14"/>
    <mergeCell ref="F14:G14"/>
    <mergeCell ref="H14:I14"/>
    <mergeCell ref="B15:C15"/>
    <mergeCell ref="D15:E15"/>
    <mergeCell ref="F15:G15"/>
    <mergeCell ref="H15:I15"/>
    <mergeCell ref="H115:H116"/>
    <mergeCell ref="I115:I116"/>
    <mergeCell ref="B16:C16"/>
    <mergeCell ref="D16:E16"/>
    <mergeCell ref="F16:G16"/>
    <mergeCell ref="H16:I16"/>
    <mergeCell ref="B19:C19"/>
    <mergeCell ref="D19:E19"/>
    <mergeCell ref="F19:G19"/>
    <mergeCell ref="H19:I19"/>
    <mergeCell ref="B23:C23"/>
    <mergeCell ref="D23:E23"/>
    <mergeCell ref="F23:G23"/>
    <mergeCell ref="H23:I23"/>
    <mergeCell ref="B24:C24"/>
    <mergeCell ref="D24:E24"/>
    <mergeCell ref="F24:G24"/>
    <mergeCell ref="H24:I24"/>
    <mergeCell ref="B21:C21"/>
    <mergeCell ref="D21:E21"/>
    <mergeCell ref="F21:G21"/>
    <mergeCell ref="H21:I21"/>
    <mergeCell ref="B22:C22"/>
    <mergeCell ref="D22:E22"/>
    <mergeCell ref="B115:B116"/>
    <mergeCell ref="C115:C116"/>
    <mergeCell ref="B112:C112"/>
    <mergeCell ref="D112:E112"/>
    <mergeCell ref="B94:C94"/>
    <mergeCell ref="D94:E94"/>
    <mergeCell ref="B29:C29"/>
    <mergeCell ref="D29:E29"/>
    <mergeCell ref="B33:C33"/>
    <mergeCell ref="D33:E33"/>
    <mergeCell ref="B35:C35"/>
    <mergeCell ref="D35:E35"/>
    <mergeCell ref="D114:E114"/>
    <mergeCell ref="B31:C31"/>
    <mergeCell ref="D31:E31"/>
    <mergeCell ref="B102:C102"/>
    <mergeCell ref="D102:E102"/>
    <mergeCell ref="D92:E92"/>
    <mergeCell ref="B93:C93"/>
    <mergeCell ref="D93:E93"/>
    <mergeCell ref="B95:C95"/>
    <mergeCell ref="D95:E95"/>
    <mergeCell ref="D96:E96"/>
    <mergeCell ref="B100:C100"/>
    <mergeCell ref="F35:G35"/>
    <mergeCell ref="H35:I35"/>
    <mergeCell ref="B36:C36"/>
    <mergeCell ref="F112:G112"/>
    <mergeCell ref="B97:C97"/>
    <mergeCell ref="B111:C111"/>
    <mergeCell ref="D111:E111"/>
    <mergeCell ref="F111:G111"/>
    <mergeCell ref="F100:G100"/>
    <mergeCell ref="B91:C91"/>
    <mergeCell ref="B92:C92"/>
    <mergeCell ref="D91:E91"/>
    <mergeCell ref="F102:G102"/>
    <mergeCell ref="H102:I102"/>
    <mergeCell ref="H100:I100"/>
    <mergeCell ref="F92:G92"/>
    <mergeCell ref="H92:I92"/>
    <mergeCell ref="F93:G93"/>
    <mergeCell ref="H93:I93"/>
    <mergeCell ref="H97:I97"/>
    <mergeCell ref="H98:I98"/>
    <mergeCell ref="F95:G95"/>
    <mergeCell ref="F94:G94"/>
    <mergeCell ref="H99:I99"/>
    <mergeCell ref="H114:I114"/>
    <mergeCell ref="I42:I43"/>
    <mergeCell ref="H42:H43"/>
    <mergeCell ref="H112:I112"/>
    <mergeCell ref="H90:I90"/>
    <mergeCell ref="F88:I88"/>
    <mergeCell ref="H91:I91"/>
    <mergeCell ref="F114:G114"/>
    <mergeCell ref="H111:I111"/>
    <mergeCell ref="H95:I95"/>
    <mergeCell ref="H96:I96"/>
    <mergeCell ref="H105:I105"/>
    <mergeCell ref="H109:I109"/>
    <mergeCell ref="H68:I68"/>
    <mergeCell ref="H94:I94"/>
    <mergeCell ref="B20:C20"/>
    <mergeCell ref="D20:E20"/>
    <mergeCell ref="F20:G20"/>
    <mergeCell ref="H20:I20"/>
    <mergeCell ref="A10:A12"/>
    <mergeCell ref="B13:C13"/>
    <mergeCell ref="A3:I3"/>
    <mergeCell ref="A4:I4"/>
    <mergeCell ref="A5:I5"/>
    <mergeCell ref="A6:I6"/>
    <mergeCell ref="A7:I7"/>
    <mergeCell ref="F10:I10"/>
    <mergeCell ref="F11:G11"/>
    <mergeCell ref="F12:G12"/>
    <mergeCell ref="H11:I11"/>
    <mergeCell ref="H12:I12"/>
    <mergeCell ref="B17:C17"/>
    <mergeCell ref="D17:E17"/>
    <mergeCell ref="F17:G17"/>
    <mergeCell ref="H17:I17"/>
    <mergeCell ref="B18:C18"/>
    <mergeCell ref="D18:E18"/>
    <mergeCell ref="F18:G18"/>
    <mergeCell ref="H18:I18"/>
  </mergeCells>
  <phoneticPr fontId="1" type="noConversion"/>
  <printOptions horizontalCentered="1"/>
  <pageMargins left="0.19685039370078741" right="0.19685039370078741" top="0.59055118110236227" bottom="0.19685039370078741" header="0" footer="0"/>
  <pageSetup paperSize="9" scale="49" orientation="portrait" r:id="rId10"/>
  <headerFooter alignWithMargins="0"/>
  <drawing r:id="rId1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4">
    <pageSetUpPr fitToPage="1"/>
  </sheetPr>
  <dimension ref="A1:H60"/>
  <sheetViews>
    <sheetView showGridLines="0" zoomScaleNormal="100" workbookViewId="0">
      <selection activeCell="F43" sqref="F43:G43"/>
    </sheetView>
  </sheetViews>
  <sheetFormatPr defaultRowHeight="11.25" customHeight="1" x14ac:dyDescent="0.2"/>
  <cols>
    <col min="1" max="1" width="65.140625" style="170" customWidth="1"/>
    <col min="2" max="2" width="19" style="170" bestFit="1" customWidth="1"/>
    <col min="3" max="3" width="14.140625" style="170" customWidth="1"/>
    <col min="4" max="4" width="19" style="170" bestFit="1" customWidth="1"/>
    <col min="5" max="5" width="19.5703125" style="170" customWidth="1"/>
    <col min="6" max="6" width="19" style="170" bestFit="1" customWidth="1"/>
    <col min="7" max="7" width="16.42578125" style="170" customWidth="1"/>
    <col min="8" max="8" width="4.28515625" style="178" customWidth="1"/>
    <col min="9" max="16384" width="9.140625" style="170"/>
  </cols>
  <sheetData>
    <row r="1" spans="1:8" s="26" customFormat="1" ht="10.5" x14ac:dyDescent="0.2">
      <c r="A1" s="294"/>
      <c r="B1" s="294"/>
      <c r="C1" s="294"/>
      <c r="D1" s="294"/>
      <c r="E1" s="294"/>
      <c r="F1" s="294"/>
      <c r="G1" s="294"/>
      <c r="H1" s="178"/>
    </row>
    <row r="2" spans="1:8" s="26" customFormat="1" ht="10.5" x14ac:dyDescent="0.2">
      <c r="D2" s="112"/>
      <c r="E2" s="112"/>
      <c r="H2" s="178"/>
    </row>
    <row r="3" spans="1:8" s="45" customFormat="1" ht="10.5" x14ac:dyDescent="0.2">
      <c r="A3" s="720" t="s">
        <v>638</v>
      </c>
      <c r="B3" s="720"/>
      <c r="C3" s="720"/>
      <c r="D3" s="720"/>
      <c r="E3" s="720"/>
      <c r="F3" s="720"/>
      <c r="G3" s="720"/>
      <c r="H3" s="178"/>
    </row>
    <row r="4" spans="1:8" s="45" customFormat="1" ht="10.5" x14ac:dyDescent="0.2">
      <c r="A4" s="720" t="s">
        <v>105</v>
      </c>
      <c r="B4" s="720"/>
      <c r="C4" s="720"/>
      <c r="D4" s="720"/>
      <c r="E4" s="720"/>
      <c r="F4" s="720"/>
      <c r="G4" s="720"/>
      <c r="H4" s="178"/>
    </row>
    <row r="5" spans="1:8" s="45" customFormat="1" ht="10.5" x14ac:dyDescent="0.2">
      <c r="A5" s="720" t="s">
        <v>552</v>
      </c>
      <c r="B5" s="720"/>
      <c r="C5" s="720"/>
      <c r="D5" s="720"/>
      <c r="E5" s="720"/>
      <c r="F5" s="720"/>
      <c r="G5" s="720"/>
      <c r="H5" s="178"/>
    </row>
    <row r="6" spans="1:8" s="45" customFormat="1" ht="10.5" x14ac:dyDescent="0.2">
      <c r="A6" s="720" t="s">
        <v>107</v>
      </c>
      <c r="B6" s="720"/>
      <c r="C6" s="720"/>
      <c r="D6" s="720"/>
      <c r="E6" s="720"/>
      <c r="F6" s="720"/>
      <c r="G6" s="720"/>
      <c r="H6" s="178"/>
    </row>
    <row r="7" spans="1:8" s="45" customFormat="1" ht="10.5" x14ac:dyDescent="0.2">
      <c r="A7" s="720" t="s">
        <v>891</v>
      </c>
      <c r="B7" s="720"/>
      <c r="C7" s="720"/>
      <c r="D7" s="720"/>
      <c r="E7" s="720"/>
      <c r="F7" s="720"/>
      <c r="G7" s="720"/>
      <c r="H7" s="178"/>
    </row>
    <row r="8" spans="1:8" s="26" customFormat="1" ht="10.5" x14ac:dyDescent="0.2">
      <c r="A8" s="46"/>
      <c r="B8" s="46"/>
      <c r="C8" s="46"/>
      <c r="D8" s="46"/>
      <c r="E8" s="46"/>
      <c r="F8" s="46"/>
      <c r="G8" s="46"/>
      <c r="H8" s="178"/>
    </row>
    <row r="9" spans="1:8" s="26" customFormat="1" ht="10.5" x14ac:dyDescent="0.2">
      <c r="A9" s="26" t="s">
        <v>553</v>
      </c>
      <c r="D9" s="131"/>
      <c r="E9" s="112"/>
      <c r="G9" s="621">
        <v>1</v>
      </c>
      <c r="H9" s="178"/>
    </row>
    <row r="10" spans="1:8" s="66" customFormat="1" ht="15" customHeight="1" x14ac:dyDescent="0.2">
      <c r="A10" s="781" t="s">
        <v>554</v>
      </c>
      <c r="B10" s="795" t="s">
        <v>161</v>
      </c>
      <c r="C10" s="797"/>
      <c r="D10" s="797"/>
      <c r="E10" s="797"/>
      <c r="F10" s="797"/>
      <c r="G10" s="797"/>
      <c r="H10" s="178"/>
    </row>
    <row r="11" spans="1:8" s="66" customFormat="1" ht="15" customHeight="1" x14ac:dyDescent="0.2">
      <c r="A11" s="784"/>
      <c r="B11" s="779" t="s">
        <v>870</v>
      </c>
      <c r="C11" s="781"/>
      <c r="D11" s="723" t="s">
        <v>887</v>
      </c>
      <c r="E11" s="859"/>
      <c r="F11" s="723" t="s">
        <v>895</v>
      </c>
      <c r="G11" s="859"/>
      <c r="H11" s="178"/>
    </row>
    <row r="12" spans="1:8" s="66" customFormat="1" ht="15" customHeight="1" x14ac:dyDescent="0.2">
      <c r="A12" s="785"/>
      <c r="B12" s="794" t="s">
        <v>116</v>
      </c>
      <c r="C12" s="803"/>
      <c r="D12" s="854" t="s">
        <v>117</v>
      </c>
      <c r="E12" s="737"/>
      <c r="F12" s="736" t="s">
        <v>152</v>
      </c>
      <c r="G12" s="854"/>
      <c r="H12" s="178"/>
    </row>
    <row r="13" spans="1:8" s="66" customFormat="1" ht="10.5" x14ac:dyDescent="0.2">
      <c r="A13" s="155" t="s">
        <v>555</v>
      </c>
      <c r="B13" s="718">
        <v>8801324237.5200005</v>
      </c>
      <c r="C13" s="719"/>
      <c r="D13" s="718">
        <v>8790297938.2700005</v>
      </c>
      <c r="E13" s="719"/>
      <c r="F13" s="718">
        <v>8259791898.8300009</v>
      </c>
      <c r="G13" s="751"/>
    </row>
    <row r="14" spans="1:8" s="66" customFormat="1" ht="10.5" x14ac:dyDescent="0.2">
      <c r="A14" s="155" t="s">
        <v>184</v>
      </c>
      <c r="B14" s="716">
        <v>1380230957.5900002</v>
      </c>
      <c r="C14" s="717"/>
      <c r="D14" s="716">
        <v>1700756427.8899999</v>
      </c>
      <c r="E14" s="717"/>
      <c r="F14" s="716">
        <v>1497310037.74</v>
      </c>
      <c r="G14" s="741"/>
    </row>
    <row r="15" spans="1:8" ht="10.5" x14ac:dyDescent="0.2">
      <c r="A15" s="169" t="s">
        <v>556</v>
      </c>
      <c r="B15" s="704">
        <v>1415582358.1700001</v>
      </c>
      <c r="C15" s="705"/>
      <c r="D15" s="704">
        <v>1799581237.5599999</v>
      </c>
      <c r="E15" s="705"/>
      <c r="F15" s="704">
        <v>1557205215.72</v>
      </c>
      <c r="G15" s="752"/>
    </row>
    <row r="16" spans="1:8" ht="10.5" x14ac:dyDescent="0.2">
      <c r="A16" s="169" t="s">
        <v>557</v>
      </c>
      <c r="B16" s="704">
        <v>0</v>
      </c>
      <c r="C16" s="705"/>
      <c r="D16" s="704">
        <v>0</v>
      </c>
      <c r="E16" s="705"/>
      <c r="F16" s="704">
        <v>0</v>
      </c>
      <c r="G16" s="752"/>
    </row>
    <row r="17" spans="1:8" ht="10.5" x14ac:dyDescent="0.2">
      <c r="A17" s="169" t="s">
        <v>558</v>
      </c>
      <c r="B17" s="704">
        <v>35351400.579999998</v>
      </c>
      <c r="C17" s="705"/>
      <c r="D17" s="704">
        <v>98824809.670000002</v>
      </c>
      <c r="E17" s="705"/>
      <c r="F17" s="704">
        <v>59895177.980000004</v>
      </c>
      <c r="G17" s="752"/>
    </row>
    <row r="18" spans="1:8" s="66" customFormat="1" ht="10.5" x14ac:dyDescent="0.2">
      <c r="A18" s="155" t="s">
        <v>559</v>
      </c>
      <c r="B18" s="716">
        <v>7421093279.9300003</v>
      </c>
      <c r="C18" s="717"/>
      <c r="D18" s="716">
        <v>7089541510.3800011</v>
      </c>
      <c r="E18" s="717"/>
      <c r="F18" s="716">
        <v>6762481861.0900011</v>
      </c>
      <c r="G18" s="741"/>
    </row>
    <row r="19" spans="1:8" s="66" customFormat="1" ht="10.5" x14ac:dyDescent="0.2">
      <c r="A19" s="155" t="s">
        <v>560</v>
      </c>
      <c r="B19" s="716">
        <v>0</v>
      </c>
      <c r="C19" s="717"/>
      <c r="D19" s="716">
        <v>0</v>
      </c>
      <c r="E19" s="717"/>
      <c r="F19" s="716">
        <v>0</v>
      </c>
      <c r="G19" s="741"/>
    </row>
    <row r="20" spans="1:8" s="66" customFormat="1" ht="10.5" x14ac:dyDescent="0.2">
      <c r="A20" s="155" t="s">
        <v>561</v>
      </c>
      <c r="B20" s="708">
        <v>92809023.230000004</v>
      </c>
      <c r="C20" s="709"/>
      <c r="D20" s="708">
        <v>92786859.329999998</v>
      </c>
      <c r="E20" s="709"/>
      <c r="F20" s="708">
        <v>90728419.640000001</v>
      </c>
      <c r="G20" s="754"/>
    </row>
    <row r="21" spans="1:8" s="66" customFormat="1" ht="15" customHeight="1" x14ac:dyDescent="0.2">
      <c r="A21" s="114" t="s">
        <v>562</v>
      </c>
      <c r="B21" s="749">
        <v>7328284256.7000008</v>
      </c>
      <c r="C21" s="757"/>
      <c r="D21" s="749">
        <v>6996754651.0500011</v>
      </c>
      <c r="E21" s="757"/>
      <c r="F21" s="749">
        <v>6671753441.4500008</v>
      </c>
      <c r="G21" s="750"/>
    </row>
    <row r="22" spans="1:8" ht="10.5" x14ac:dyDescent="0.2">
      <c r="B22" s="45"/>
      <c r="C22" s="45"/>
      <c r="D22" s="45"/>
      <c r="E22" s="45"/>
      <c r="F22" s="45"/>
      <c r="G22" s="45"/>
    </row>
    <row r="23" spans="1:8" s="66" customFormat="1" ht="15" customHeight="1" x14ac:dyDescent="0.2">
      <c r="A23" s="109"/>
      <c r="B23" s="729" t="s">
        <v>208</v>
      </c>
      <c r="C23" s="730"/>
      <c r="D23" s="730"/>
      <c r="E23" s="730"/>
      <c r="F23" s="730"/>
      <c r="G23" s="730"/>
      <c r="H23" s="178"/>
    </row>
    <row r="24" spans="1:8" s="66" customFormat="1" ht="15" customHeight="1" x14ac:dyDescent="0.2">
      <c r="A24" s="167" t="s">
        <v>563</v>
      </c>
      <c r="B24" s="164"/>
      <c r="C24" s="165" t="s">
        <v>113</v>
      </c>
      <c r="D24" s="166"/>
      <c r="E24" s="164"/>
      <c r="F24" s="165" t="s">
        <v>115</v>
      </c>
      <c r="G24" s="165"/>
      <c r="H24" s="204"/>
    </row>
    <row r="25" spans="1:8" s="66" customFormat="1" ht="15" customHeight="1" x14ac:dyDescent="0.2">
      <c r="A25" s="49"/>
      <c r="B25" s="16"/>
      <c r="C25" s="406" t="s">
        <v>564</v>
      </c>
      <c r="D25" s="163"/>
      <c r="E25" s="16"/>
      <c r="F25" s="406" t="s">
        <v>565</v>
      </c>
      <c r="G25" s="181"/>
      <c r="H25" s="208"/>
    </row>
    <row r="26" spans="1:8" s="66" customFormat="1" ht="15" customHeight="1" x14ac:dyDescent="0.2">
      <c r="A26" s="168" t="s">
        <v>209</v>
      </c>
      <c r="B26" s="850">
        <v>-325001209.60000038</v>
      </c>
      <c r="C26" s="851"/>
      <c r="D26" s="852"/>
      <c r="E26" s="850">
        <v>-656530815.25</v>
      </c>
      <c r="F26" s="851"/>
      <c r="G26" s="851"/>
      <c r="H26" s="206"/>
    </row>
    <row r="27" spans="1:8" ht="10.5" x14ac:dyDescent="0.2">
      <c r="B27" s="45"/>
      <c r="C27" s="45"/>
      <c r="D27" s="56"/>
      <c r="E27" s="56"/>
      <c r="F27" s="45"/>
      <c r="G27" s="45"/>
    </row>
    <row r="28" spans="1:8" s="66" customFormat="1" ht="15" customHeight="1" x14ac:dyDescent="0.2">
      <c r="A28" s="780" t="s">
        <v>566</v>
      </c>
      <c r="B28" s="780"/>
      <c r="C28" s="780"/>
      <c r="D28" s="781"/>
      <c r="E28" s="793" t="s">
        <v>567</v>
      </c>
      <c r="F28" s="800"/>
      <c r="G28" s="800"/>
      <c r="H28" s="178"/>
    </row>
    <row r="29" spans="1:8" s="66" customFormat="1" ht="15" customHeight="1" x14ac:dyDescent="0.2">
      <c r="A29" s="857" t="s">
        <v>757</v>
      </c>
      <c r="B29" s="857"/>
      <c r="C29" s="857"/>
      <c r="D29" s="858"/>
      <c r="E29" s="855">
        <v>-297236000</v>
      </c>
      <c r="F29" s="856"/>
      <c r="G29" s="856"/>
      <c r="H29" s="178"/>
    </row>
    <row r="30" spans="1:8" ht="10.5" x14ac:dyDescent="0.2">
      <c r="A30" s="25"/>
      <c r="B30" s="25"/>
      <c r="C30" s="25"/>
      <c r="D30" s="25"/>
      <c r="E30" s="64"/>
      <c r="F30" s="64"/>
      <c r="G30" s="64"/>
    </row>
    <row r="31" spans="1:8" s="66" customFormat="1" ht="15" customHeight="1" x14ac:dyDescent="0.2">
      <c r="A31" s="730" t="s">
        <v>568</v>
      </c>
      <c r="B31" s="730"/>
      <c r="C31" s="730"/>
      <c r="D31" s="730"/>
      <c r="E31" s="730"/>
      <c r="F31" s="730"/>
      <c r="G31" s="730"/>
      <c r="H31" s="178"/>
    </row>
    <row r="32" spans="1:8" s="66" customFormat="1" ht="15" customHeight="1" x14ac:dyDescent="0.2">
      <c r="A32" s="109"/>
      <c r="B32" s="795" t="s">
        <v>161</v>
      </c>
      <c r="C32" s="797"/>
      <c r="D32" s="797"/>
      <c r="E32" s="797"/>
      <c r="F32" s="797"/>
      <c r="G32" s="797"/>
      <c r="H32" s="178"/>
    </row>
    <row r="33" spans="1:8" s="66" customFormat="1" ht="15" customHeight="1" x14ac:dyDescent="0.2">
      <c r="A33" s="167" t="s">
        <v>569</v>
      </c>
      <c r="B33" s="779" t="s">
        <v>870</v>
      </c>
      <c r="C33" s="781"/>
      <c r="D33" s="723" t="s">
        <v>887</v>
      </c>
      <c r="E33" s="744"/>
      <c r="F33" s="723" t="s">
        <v>895</v>
      </c>
      <c r="G33" s="853"/>
      <c r="H33" s="178"/>
    </row>
    <row r="34" spans="1:8" s="66" customFormat="1" ht="15" customHeight="1" x14ac:dyDescent="0.2">
      <c r="A34" s="49"/>
      <c r="B34" s="794" t="s">
        <v>116</v>
      </c>
      <c r="C34" s="803"/>
      <c r="D34" s="854" t="s">
        <v>117</v>
      </c>
      <c r="E34" s="737"/>
      <c r="F34" s="736" t="s">
        <v>152</v>
      </c>
      <c r="G34" s="854"/>
      <c r="H34" s="178"/>
    </row>
    <row r="35" spans="1:8" s="66" customFormat="1" ht="10.5" x14ac:dyDescent="0.2">
      <c r="A35" s="66" t="s">
        <v>570</v>
      </c>
      <c r="B35" s="718">
        <v>532039590.57999998</v>
      </c>
      <c r="C35" s="719"/>
      <c r="D35" s="718">
        <v>532039590.57999998</v>
      </c>
      <c r="E35" s="719"/>
      <c r="F35" s="718">
        <v>532039590.57999998</v>
      </c>
      <c r="G35" s="751"/>
      <c r="H35" s="178"/>
    </row>
    <row r="36" spans="1:8" ht="10.5" x14ac:dyDescent="0.2">
      <c r="A36" s="170" t="s">
        <v>571</v>
      </c>
      <c r="B36" s="704">
        <v>532039590.57999998</v>
      </c>
      <c r="C36" s="705"/>
      <c r="D36" s="704">
        <v>532039590.57999998</v>
      </c>
      <c r="E36" s="705"/>
      <c r="F36" s="704">
        <v>532039590.57999998</v>
      </c>
      <c r="G36" s="752"/>
      <c r="H36" s="155"/>
    </row>
    <row r="37" spans="1:8" ht="10.5" x14ac:dyDescent="0.2">
      <c r="A37" s="170" t="s">
        <v>572</v>
      </c>
      <c r="B37" s="704">
        <v>0</v>
      </c>
      <c r="C37" s="705"/>
      <c r="D37" s="704">
        <v>0</v>
      </c>
      <c r="E37" s="705"/>
      <c r="F37" s="704">
        <v>0</v>
      </c>
      <c r="G37" s="752"/>
    </row>
    <row r="38" spans="1:8" s="66" customFormat="1" ht="10.5" x14ac:dyDescent="0.2">
      <c r="A38" s="66" t="s">
        <v>573</v>
      </c>
      <c r="B38" s="716">
        <v>534821017.93999994</v>
      </c>
      <c r="C38" s="717"/>
      <c r="D38" s="716">
        <v>185474653.75999999</v>
      </c>
      <c r="E38" s="717"/>
      <c r="F38" s="716">
        <v>204766150.84999999</v>
      </c>
      <c r="G38" s="741"/>
      <c r="H38" s="178"/>
    </row>
    <row r="39" spans="1:8" ht="10.5" x14ac:dyDescent="0.2">
      <c r="A39" s="170" t="s">
        <v>574</v>
      </c>
      <c r="B39" s="704">
        <v>2855447.07</v>
      </c>
      <c r="C39" s="705"/>
      <c r="D39" s="704">
        <v>567681.30000000005</v>
      </c>
      <c r="E39" s="705"/>
      <c r="F39" s="704">
        <v>945934.7</v>
      </c>
      <c r="G39" s="752"/>
      <c r="H39" s="209"/>
    </row>
    <row r="40" spans="1:8" ht="10.5" x14ac:dyDescent="0.2">
      <c r="A40" s="170" t="s">
        <v>575</v>
      </c>
      <c r="B40" s="704">
        <v>532035161.77999997</v>
      </c>
      <c r="C40" s="705"/>
      <c r="D40" s="704">
        <v>207582704.24000001</v>
      </c>
      <c r="E40" s="705"/>
      <c r="F40" s="704">
        <v>206085788.36000001</v>
      </c>
      <c r="G40" s="752"/>
    </row>
    <row r="41" spans="1:8" ht="10.5" x14ac:dyDescent="0.2">
      <c r="A41" s="170" t="s">
        <v>557</v>
      </c>
      <c r="B41" s="704">
        <v>0</v>
      </c>
      <c r="C41" s="705"/>
      <c r="D41" s="704">
        <v>0</v>
      </c>
      <c r="E41" s="705"/>
      <c r="F41" s="704">
        <v>0</v>
      </c>
      <c r="G41" s="752"/>
    </row>
    <row r="42" spans="1:8" ht="10.5" x14ac:dyDescent="0.2">
      <c r="A42" s="170" t="s">
        <v>576</v>
      </c>
      <c r="B42" s="704">
        <v>69590.91</v>
      </c>
      <c r="C42" s="705"/>
      <c r="D42" s="704">
        <v>22675731.780000001</v>
      </c>
      <c r="E42" s="705"/>
      <c r="F42" s="704">
        <v>2265572.21</v>
      </c>
      <c r="G42" s="752"/>
    </row>
    <row r="43" spans="1:8" s="66" customFormat="1" ht="12.75" customHeight="1" x14ac:dyDescent="0.2">
      <c r="A43" s="66" t="s">
        <v>577</v>
      </c>
      <c r="B43" s="716">
        <v>-2781427.3599999547</v>
      </c>
      <c r="C43" s="717"/>
      <c r="D43" s="716">
        <v>346564936.81999999</v>
      </c>
      <c r="E43" s="717"/>
      <c r="F43" s="716">
        <v>327273439.73000002</v>
      </c>
      <c r="G43" s="741"/>
      <c r="H43" s="178"/>
    </row>
    <row r="44" spans="1:8" s="66" customFormat="1" ht="13.5" customHeight="1" x14ac:dyDescent="0.2">
      <c r="A44" s="66" t="s">
        <v>578</v>
      </c>
      <c r="B44" s="708"/>
      <c r="C44" s="709"/>
      <c r="D44" s="708"/>
      <c r="E44" s="709"/>
      <c r="F44" s="708"/>
      <c r="G44" s="754"/>
      <c r="H44" s="155"/>
    </row>
    <row r="45" spans="1:8" s="66" customFormat="1" ht="15" customHeight="1" x14ac:dyDescent="0.2">
      <c r="A45" s="114" t="s">
        <v>579</v>
      </c>
      <c r="B45" s="749">
        <v>-2781427.3599999547</v>
      </c>
      <c r="C45" s="757"/>
      <c r="D45" s="749">
        <v>346564936.81999999</v>
      </c>
      <c r="E45" s="757"/>
      <c r="F45" s="749">
        <v>327273439.73000002</v>
      </c>
      <c r="G45" s="750"/>
      <c r="H45" s="155"/>
    </row>
    <row r="46" spans="1:8" ht="12.75" customHeight="1" x14ac:dyDescent="0.2">
      <c r="A46" s="45" t="s">
        <v>848</v>
      </c>
      <c r="B46" s="74"/>
      <c r="C46" s="74"/>
      <c r="D46" s="74"/>
      <c r="E46" s="700"/>
      <c r="F46" s="74"/>
      <c r="G46" s="299"/>
    </row>
    <row r="47" spans="1:8" ht="11.25" customHeight="1" x14ac:dyDescent="0.2">
      <c r="A47" s="178"/>
      <c r="E47" s="701"/>
    </row>
    <row r="50" spans="1:8" ht="11.25" customHeight="1" x14ac:dyDescent="0.2">
      <c r="A50" s="268"/>
      <c r="B50" s="268"/>
      <c r="C50" s="268"/>
      <c r="D50" s="268"/>
      <c r="E50" s="268"/>
      <c r="F50" s="268"/>
      <c r="G50" s="268"/>
      <c r="H50" s="45"/>
    </row>
    <row r="54" spans="1:8" s="45" customFormat="1" ht="11.25" customHeight="1" x14ac:dyDescent="0.2"/>
    <row r="55" spans="1:8" s="45" customFormat="1" ht="11.25" customHeight="1" x14ac:dyDescent="0.2"/>
    <row r="56" spans="1:8" s="45" customFormat="1" ht="11.25" customHeight="1" x14ac:dyDescent="0.2"/>
    <row r="57" spans="1:8" s="45" customFormat="1" ht="11.25" customHeight="1" x14ac:dyDescent="0.2"/>
    <row r="58" spans="1:8" s="45" customFormat="1" ht="11.25" customHeight="1" x14ac:dyDescent="0.2"/>
    <row r="59" spans="1:8" s="45" customFormat="1" ht="11.25" customHeight="1" x14ac:dyDescent="0.2"/>
    <row r="60" spans="1:8" s="45" customFormat="1" ht="11.25" customHeight="1" x14ac:dyDescent="0.2"/>
  </sheetData>
  <customSheetViews>
    <customSheetView guid="{C779D862-DE28-46CD-A428-4AAA1056D1E1}" showPageBreaks="1" showGridLines="0" fitToPage="1" printArea="1" topLeftCell="C1">
      <selection activeCell="A7" sqref="A7:E7"/>
      <pageMargins left="0.19685039370078741" right="0.19685039370078741" top="0.59055118110236227" bottom="0.19685039370078741" header="0" footer="0"/>
      <printOptions horizontalCentered="1"/>
      <pageSetup paperSize="9" scale="58" orientation="portrait" r:id="rId1"/>
      <headerFooter alignWithMargins="0"/>
    </customSheetView>
    <customSheetView guid="{3AAF6A5F-F9AA-430B-9AD9-1261ECDF41B5}" showPageBreaks="1" showGridLines="0" fitToPage="1" printArea="1" topLeftCell="D4">
      <selection activeCell="J13" sqref="J13"/>
      <pageMargins left="0.19685039370078741" right="0.19685039370078741" top="0.59055118110236227" bottom="0.19685039370078741" header="0" footer="0"/>
      <printOptions horizontalCentered="1"/>
      <pageSetup paperSize="9" scale="58" orientation="portrait" r:id="rId2"/>
      <headerFooter alignWithMargins="0"/>
    </customSheetView>
    <customSheetView guid="{25EF1E0D-169B-4051-B414-7E1196FC05E4}" showPageBreaks="1" showGridLines="0" fitToPage="1" printArea="1">
      <selection activeCell="E48" sqref="E48"/>
      <pageMargins left="0.19685039370078741" right="0.19685039370078741" top="0.59055118110236227" bottom="0.19685039370078741" header="0" footer="0"/>
      <printOptions horizontalCentered="1"/>
      <pageSetup paperSize="9" scale="59" orientation="portrait" r:id="rId3"/>
      <headerFooter alignWithMargins="0"/>
    </customSheetView>
    <customSheetView guid="{82EDB5A4-4824-4632-A540-7A52C92F04C7}" scale="90" showPageBreaks="1" showGridLines="0" fitToPage="1" printArea="1" topLeftCell="G7">
      <selection activeCell="J13" sqref="J13"/>
      <pageMargins left="0.19685039370078741" right="0.19685039370078741" top="0.59055118110236227" bottom="0.19685039370078741" header="0" footer="0"/>
      <printOptions horizontalCentered="1"/>
      <pageSetup paperSize="9" scale="78" orientation="landscape" r:id="rId4"/>
      <headerFooter alignWithMargins="0"/>
    </customSheetView>
    <customSheetView guid="{15F968AB-9DD6-4E60-9FDC-FEF44C5FFDCB}" showPageBreaks="1" showGridLines="0" fitToPage="1" printArea="1">
      <selection sqref="A1:G64"/>
      <pageMargins left="0.19685039370078741" right="0.19685039370078741" top="0.39370078740157483" bottom="0.39370078740157483" header="0" footer="0"/>
      <printOptions horizontalCentered="1"/>
      <pageSetup paperSize="9" scale="66" orientation="portrait" r:id="rId5"/>
      <headerFooter alignWithMargins="0"/>
    </customSheetView>
    <customSheetView guid="{D5976633-8ECB-4B00-B200-C7467CF5B10F}" showPageBreaks="1" showGridLines="0" fitToPage="1" topLeftCell="A22">
      <selection activeCell="B50" sqref="B50"/>
      <pageMargins left="0.78740157480314965" right="0.78740157480314965" top="0.98425196850393704" bottom="0.98425196850393704" header="0.51181102362204722" footer="0.51181102362204722"/>
      <printOptions horizontalCentered="1"/>
      <pageSetup paperSize="9" scale="57" orientation="landscape" r:id="rId6"/>
      <headerFooter alignWithMargins="0"/>
    </customSheetView>
    <customSheetView guid="{B4FED47C-EE37-4843-A570-282D4F8229D4}" showGridLines="0" fitToPage="1" topLeftCell="A7">
      <selection activeCell="B27" sqref="B27"/>
      <pageMargins left="0.19685039370078741" right="0.19685039370078741" top="0.59055118110236227" bottom="0.19685039370078741" header="0" footer="0"/>
      <printOptions horizontalCentered="1"/>
      <pageSetup paperSize="9" scale="58" orientation="portrait" r:id="rId7"/>
      <headerFooter alignWithMargins="0"/>
    </customSheetView>
    <customSheetView guid="{6DBFA32C-4AA4-4E1D-9A48-697377C64CC3}" scale="90" showPageBreaks="1" showGridLines="0" printArea="1" topLeftCell="A4">
      <selection activeCell="E26" sqref="E26:G26"/>
      <pageMargins left="0.19685039370078741" right="0.19685039370078741" top="0.59055118110236227" bottom="0.19685039370078741" header="0" footer="0"/>
      <printOptions horizontalCentered="1"/>
      <pageSetup paperSize="9" scale="75" orientation="landscape" r:id="rId8"/>
      <headerFooter alignWithMargins="0"/>
    </customSheetView>
    <customSheetView guid="{09DEEE52-8A8D-4F12-80E3-55185B30DF10}" showGridLines="0" fitToPage="1">
      <selection activeCell="D15" sqref="D15:E15"/>
      <pageMargins left="0.19685039370078741" right="0.19685039370078741" top="0.59055118110236227" bottom="0.19685039370078741" header="0" footer="0"/>
      <printOptions horizontalCentered="1"/>
      <pageSetup paperSize="9" scale="58" orientation="portrait" r:id="rId9"/>
      <headerFooter alignWithMargins="0"/>
    </customSheetView>
  </customSheetViews>
  <mergeCells count="88">
    <mergeCell ref="B10:G10"/>
    <mergeCell ref="A31:G31"/>
    <mergeCell ref="E29:G29"/>
    <mergeCell ref="A29:D29"/>
    <mergeCell ref="B23:G23"/>
    <mergeCell ref="A10:A12"/>
    <mergeCell ref="B11:C11"/>
    <mergeCell ref="D11:E11"/>
    <mergeCell ref="F11:G11"/>
    <mergeCell ref="B12:C12"/>
    <mergeCell ref="D12:E12"/>
    <mergeCell ref="F12:G12"/>
    <mergeCell ref="B13:C13"/>
    <mergeCell ref="D13:E13"/>
    <mergeCell ref="B14:C14"/>
    <mergeCell ref="D14:E14"/>
    <mergeCell ref="A3:G3"/>
    <mergeCell ref="A4:G4"/>
    <mergeCell ref="A5:G5"/>
    <mergeCell ref="A6:G6"/>
    <mergeCell ref="A7:G7"/>
    <mergeCell ref="F15:G15"/>
    <mergeCell ref="B16:C16"/>
    <mergeCell ref="D16:E16"/>
    <mergeCell ref="F16:G16"/>
    <mergeCell ref="B21:C21"/>
    <mergeCell ref="D21:E21"/>
    <mergeCell ref="F21:G21"/>
    <mergeCell ref="B33:C33"/>
    <mergeCell ref="D33:E33"/>
    <mergeCell ref="F33:G33"/>
    <mergeCell ref="B34:C34"/>
    <mergeCell ref="D34:E34"/>
    <mergeCell ref="F34:G34"/>
    <mergeCell ref="B35:C35"/>
    <mergeCell ref="D35:E35"/>
    <mergeCell ref="F35:G35"/>
    <mergeCell ref="B36:C36"/>
    <mergeCell ref="D36:E36"/>
    <mergeCell ref="F36:G36"/>
    <mergeCell ref="B37:C37"/>
    <mergeCell ref="D37:E37"/>
    <mergeCell ref="F37:G37"/>
    <mergeCell ref="B38:C38"/>
    <mergeCell ref="D38:E38"/>
    <mergeCell ref="F38:G38"/>
    <mergeCell ref="F41:G41"/>
    <mergeCell ref="B42:C42"/>
    <mergeCell ref="D42:E42"/>
    <mergeCell ref="F42:G42"/>
    <mergeCell ref="B39:C39"/>
    <mergeCell ref="D39:E39"/>
    <mergeCell ref="F39:G39"/>
    <mergeCell ref="B40:C40"/>
    <mergeCell ref="D40:E40"/>
    <mergeCell ref="F40:G40"/>
    <mergeCell ref="B45:C45"/>
    <mergeCell ref="D45:E45"/>
    <mergeCell ref="F45:G45"/>
    <mergeCell ref="B26:D26"/>
    <mergeCell ref="E26:G26"/>
    <mergeCell ref="A28:D28"/>
    <mergeCell ref="E28:G28"/>
    <mergeCell ref="B32:G32"/>
    <mergeCell ref="B43:C43"/>
    <mergeCell ref="D43:E43"/>
    <mergeCell ref="F43:G43"/>
    <mergeCell ref="B44:C44"/>
    <mergeCell ref="D44:E44"/>
    <mergeCell ref="F44:G44"/>
    <mergeCell ref="B41:C41"/>
    <mergeCell ref="D41:E41"/>
    <mergeCell ref="F13:G13"/>
    <mergeCell ref="B19:C19"/>
    <mergeCell ref="D19:E19"/>
    <mergeCell ref="F19:G19"/>
    <mergeCell ref="B20:C20"/>
    <mergeCell ref="D20:E20"/>
    <mergeCell ref="F20:G20"/>
    <mergeCell ref="B17:C17"/>
    <mergeCell ref="D17:E17"/>
    <mergeCell ref="F17:G17"/>
    <mergeCell ref="B18:C18"/>
    <mergeCell ref="D18:E18"/>
    <mergeCell ref="F18:G18"/>
    <mergeCell ref="F14:G14"/>
    <mergeCell ref="B15:C15"/>
    <mergeCell ref="D15:E15"/>
  </mergeCells>
  <printOptions horizontalCentered="1"/>
  <pageMargins left="0.19685039370078741" right="0.19685039370078741" top="0.59055118110236227" bottom="0.19685039370078741" header="0" footer="0"/>
  <pageSetup paperSize="9" scale="58" orientation="portrait" r:id="rId10"/>
  <headerFooter alignWithMargins="0"/>
  <drawing r:id="rId1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9">
    <pageSetUpPr fitToPage="1"/>
  </sheetPr>
  <dimension ref="A1:H88"/>
  <sheetViews>
    <sheetView showGridLines="0" zoomScaleNormal="100" workbookViewId="0"/>
  </sheetViews>
  <sheetFormatPr defaultColWidth="9.140625" defaultRowHeight="11.25" customHeight="1" x14ac:dyDescent="0.2"/>
  <cols>
    <col min="1" max="1" width="59.28515625" style="19" customWidth="1"/>
    <col min="2" max="2" width="20.5703125" style="19" customWidth="1"/>
    <col min="3" max="3" width="20.28515625" style="220" customWidth="1"/>
    <col min="4" max="4" width="19.85546875" style="19" customWidth="1"/>
    <col min="5" max="5" width="20.140625" style="19" customWidth="1"/>
    <col min="6" max="6" width="19.5703125" style="19" bestFit="1" customWidth="1"/>
    <col min="7" max="8" width="16.7109375" style="19" customWidth="1"/>
    <col min="9" max="16384" width="9.140625" style="19"/>
  </cols>
  <sheetData>
    <row r="1" spans="1:8" s="46" customFormat="1" ht="11.25" customHeight="1" x14ac:dyDescent="0.2">
      <c r="A1" s="294"/>
      <c r="B1" s="294"/>
      <c r="C1" s="294"/>
      <c r="D1" s="294"/>
      <c r="E1" s="294"/>
      <c r="F1" s="294"/>
      <c r="G1" s="294"/>
      <c r="H1" s="294"/>
    </row>
    <row r="2" spans="1:8" s="46" customFormat="1" ht="11.25" customHeight="1" x14ac:dyDescent="0.2">
      <c r="A2" s="26"/>
      <c r="B2" s="26"/>
      <c r="C2" s="112"/>
      <c r="D2" s="26"/>
    </row>
    <row r="3" spans="1:8" s="210" customFormat="1" ht="11.25" customHeight="1" x14ac:dyDescent="0.2">
      <c r="A3" s="720" t="s">
        <v>638</v>
      </c>
      <c r="B3" s="720"/>
      <c r="C3" s="720"/>
      <c r="D3" s="720"/>
      <c r="E3" s="720"/>
      <c r="F3" s="720"/>
      <c r="G3" s="720"/>
      <c r="H3" s="720"/>
    </row>
    <row r="4" spans="1:8" s="210" customFormat="1" ht="11.25" customHeight="1" x14ac:dyDescent="0.2">
      <c r="A4" s="720" t="s">
        <v>105</v>
      </c>
      <c r="B4" s="720"/>
      <c r="C4" s="720"/>
      <c r="D4" s="720"/>
      <c r="E4" s="720"/>
      <c r="F4" s="720"/>
      <c r="G4" s="720"/>
      <c r="H4" s="720"/>
    </row>
    <row r="5" spans="1:8" s="210" customFormat="1" ht="11.25" customHeight="1" x14ac:dyDescent="0.2">
      <c r="A5" s="720" t="s">
        <v>580</v>
      </c>
      <c r="B5" s="720"/>
      <c r="C5" s="720"/>
      <c r="D5" s="720"/>
      <c r="E5" s="720"/>
      <c r="F5" s="720"/>
      <c r="G5" s="720"/>
      <c r="H5" s="720"/>
    </row>
    <row r="6" spans="1:8" s="210" customFormat="1" ht="11.25" customHeight="1" x14ac:dyDescent="0.2">
      <c r="A6" s="720" t="s">
        <v>107</v>
      </c>
      <c r="B6" s="720"/>
      <c r="C6" s="720"/>
      <c r="D6" s="720"/>
      <c r="E6" s="720"/>
      <c r="F6" s="720"/>
      <c r="G6" s="720"/>
      <c r="H6" s="720"/>
    </row>
    <row r="7" spans="1:8" s="210" customFormat="1" ht="11.25" customHeight="1" x14ac:dyDescent="0.2">
      <c r="A7" s="720" t="s">
        <v>891</v>
      </c>
      <c r="B7" s="720"/>
      <c r="C7" s="720"/>
      <c r="D7" s="720"/>
      <c r="E7" s="720"/>
      <c r="F7" s="720"/>
      <c r="G7" s="720"/>
      <c r="H7" s="720"/>
    </row>
    <row r="8" spans="1:8" s="46" customFormat="1" ht="11.25" customHeight="1" x14ac:dyDescent="0.2">
      <c r="A8" s="26"/>
      <c r="B8" s="303"/>
      <c r="C8" s="303"/>
      <c r="D8" s="26"/>
      <c r="E8" s="416"/>
      <c r="F8" s="416"/>
    </row>
    <row r="9" spans="1:8" s="46" customFormat="1" ht="11.25" customHeight="1" x14ac:dyDescent="0.2">
      <c r="A9" s="139" t="s">
        <v>581</v>
      </c>
      <c r="B9" s="331"/>
      <c r="C9" s="330"/>
      <c r="D9" s="452"/>
      <c r="E9" s="452"/>
      <c r="H9" s="229">
        <v>1</v>
      </c>
    </row>
    <row r="10" spans="1:8" s="215" customFormat="1" ht="16.5" customHeight="1" x14ac:dyDescent="0.2">
      <c r="A10" s="744" t="s">
        <v>582</v>
      </c>
      <c r="B10" s="779" t="s">
        <v>235</v>
      </c>
      <c r="C10" s="781"/>
      <c r="D10" s="795" t="s">
        <v>109</v>
      </c>
      <c r="E10" s="797"/>
      <c r="F10" s="797"/>
      <c r="G10" s="797"/>
      <c r="H10" s="797"/>
    </row>
    <row r="11" spans="1:8" s="215" customFormat="1" ht="18" customHeight="1" x14ac:dyDescent="0.2">
      <c r="A11" s="745"/>
      <c r="B11" s="804"/>
      <c r="C11" s="784"/>
      <c r="D11" s="779" t="s">
        <v>115</v>
      </c>
      <c r="E11" s="780"/>
      <c r="F11" s="782" t="s">
        <v>115</v>
      </c>
      <c r="G11" s="782"/>
      <c r="H11" s="779"/>
    </row>
    <row r="12" spans="1:8" s="215" customFormat="1" ht="18" customHeight="1" x14ac:dyDescent="0.2">
      <c r="A12" s="746"/>
      <c r="B12" s="805"/>
      <c r="C12" s="785"/>
      <c r="D12" s="794">
        <v>2016</v>
      </c>
      <c r="E12" s="816"/>
      <c r="F12" s="783">
        <v>2015</v>
      </c>
      <c r="G12" s="783"/>
      <c r="H12" s="805"/>
    </row>
    <row r="13" spans="1:8" s="215" customFormat="1" ht="11.25" customHeight="1" x14ac:dyDescent="0.2">
      <c r="A13" s="62" t="s">
        <v>583</v>
      </c>
      <c r="B13" s="718">
        <v>13185224360.620001</v>
      </c>
      <c r="C13" s="719"/>
      <c r="D13" s="718">
        <v>7012874140.79</v>
      </c>
      <c r="E13" s="719"/>
      <c r="F13" s="718">
        <v>7701952020.250001</v>
      </c>
      <c r="G13" s="751"/>
      <c r="H13" s="751"/>
    </row>
    <row r="14" spans="1:8" ht="11.25" customHeight="1" x14ac:dyDescent="0.2">
      <c r="A14" s="56" t="s">
        <v>584</v>
      </c>
      <c r="B14" s="704">
        <v>7816598300</v>
      </c>
      <c r="C14" s="705"/>
      <c r="D14" s="704">
        <v>3755425939.9099998</v>
      </c>
      <c r="E14" s="705"/>
      <c r="F14" s="704">
        <v>4748203492.5600004</v>
      </c>
      <c r="G14" s="752"/>
      <c r="H14" s="752"/>
    </row>
    <row r="15" spans="1:8" ht="11.25" customHeight="1" x14ac:dyDescent="0.2">
      <c r="A15" s="112" t="s">
        <v>416</v>
      </c>
      <c r="B15" s="704">
        <v>6500114200</v>
      </c>
      <c r="C15" s="705"/>
      <c r="D15" s="704">
        <v>2865637670.3999996</v>
      </c>
      <c r="E15" s="705"/>
      <c r="F15" s="704">
        <v>3919991140.0700002</v>
      </c>
      <c r="G15" s="752"/>
      <c r="H15" s="752"/>
    </row>
    <row r="16" spans="1:8" ht="11.25" customHeight="1" x14ac:dyDescent="0.2">
      <c r="A16" s="112" t="s">
        <v>417</v>
      </c>
      <c r="B16" s="704">
        <v>283860800</v>
      </c>
      <c r="C16" s="705"/>
      <c r="D16" s="704">
        <v>186170311.63000003</v>
      </c>
      <c r="E16" s="705"/>
      <c r="F16" s="704">
        <v>270414077.94999999</v>
      </c>
      <c r="G16" s="752"/>
      <c r="H16" s="752"/>
    </row>
    <row r="17" spans="1:8" ht="11.25" customHeight="1" x14ac:dyDescent="0.2">
      <c r="A17" s="112" t="s">
        <v>418</v>
      </c>
      <c r="B17" s="704">
        <v>91749100</v>
      </c>
      <c r="C17" s="705"/>
      <c r="D17" s="860">
        <v>89031383.890000001</v>
      </c>
      <c r="E17" s="861"/>
      <c r="F17" s="704">
        <v>48871724</v>
      </c>
      <c r="G17" s="752"/>
      <c r="H17" s="752"/>
    </row>
    <row r="18" spans="1:8" ht="11.25" customHeight="1" x14ac:dyDescent="0.2">
      <c r="A18" s="112" t="s">
        <v>415</v>
      </c>
      <c r="B18" s="704">
        <v>588500000</v>
      </c>
      <c r="C18" s="705"/>
      <c r="D18" s="704">
        <v>428633116.37</v>
      </c>
      <c r="E18" s="705"/>
      <c r="F18" s="704">
        <v>334254216.24000001</v>
      </c>
      <c r="G18" s="752"/>
      <c r="H18" s="752"/>
    </row>
    <row r="19" spans="1:8" ht="11.25" customHeight="1" x14ac:dyDescent="0.2">
      <c r="A19" s="113" t="s">
        <v>419</v>
      </c>
      <c r="B19" s="704">
        <v>352374200</v>
      </c>
      <c r="C19" s="705"/>
      <c r="D19" s="704">
        <v>185953457.62000036</v>
      </c>
      <c r="E19" s="705"/>
      <c r="F19" s="704">
        <v>174672334.30000001</v>
      </c>
      <c r="G19" s="752"/>
      <c r="H19" s="752"/>
    </row>
    <row r="20" spans="1:8" ht="11.25" customHeight="1" x14ac:dyDescent="0.2">
      <c r="A20" s="56" t="s">
        <v>585</v>
      </c>
      <c r="B20" s="704">
        <v>1449054000</v>
      </c>
      <c r="C20" s="705"/>
      <c r="D20" s="704">
        <v>682329959.88</v>
      </c>
      <c r="E20" s="705"/>
      <c r="F20" s="704">
        <v>817868191.63</v>
      </c>
      <c r="G20" s="752"/>
      <c r="H20" s="752"/>
    </row>
    <row r="21" spans="1:8" ht="11.25" customHeight="1" x14ac:dyDescent="0.2">
      <c r="A21" s="56" t="s">
        <v>586</v>
      </c>
      <c r="B21" s="704">
        <v>1449054000</v>
      </c>
      <c r="C21" s="705"/>
      <c r="D21" s="704">
        <v>682329959.88</v>
      </c>
      <c r="E21" s="705"/>
      <c r="F21" s="704">
        <v>817868191.63</v>
      </c>
      <c r="G21" s="752"/>
      <c r="H21" s="752"/>
    </row>
    <row r="22" spans="1:8" ht="11.25" customHeight="1" x14ac:dyDescent="0.2">
      <c r="A22" s="56" t="s">
        <v>155</v>
      </c>
      <c r="B22" s="704">
        <v>0</v>
      </c>
      <c r="C22" s="705"/>
      <c r="D22" s="704">
        <v>0</v>
      </c>
      <c r="E22" s="705"/>
      <c r="F22" s="704">
        <v>0</v>
      </c>
      <c r="G22" s="752"/>
      <c r="H22" s="752"/>
    </row>
    <row r="23" spans="1:8" ht="11.25" customHeight="1" x14ac:dyDescent="0.2">
      <c r="A23" s="56" t="s">
        <v>587</v>
      </c>
      <c r="B23" s="704">
        <v>76380833.359999985</v>
      </c>
      <c r="C23" s="705"/>
      <c r="D23" s="704">
        <v>44054929.559999973</v>
      </c>
      <c r="E23" s="705"/>
      <c r="F23" s="704">
        <v>7505363.0600000024</v>
      </c>
      <c r="G23" s="752"/>
      <c r="H23" s="752"/>
    </row>
    <row r="24" spans="1:8" ht="11.25" customHeight="1" x14ac:dyDescent="0.2">
      <c r="A24" s="56" t="s">
        <v>311</v>
      </c>
      <c r="B24" s="704">
        <v>227024596.94</v>
      </c>
      <c r="C24" s="705"/>
      <c r="D24" s="704">
        <v>194698693.13999999</v>
      </c>
      <c r="E24" s="705"/>
      <c r="F24" s="704">
        <v>69010116.950000003</v>
      </c>
      <c r="G24" s="752"/>
      <c r="H24" s="752"/>
    </row>
    <row r="25" spans="1:8" ht="11.25" customHeight="1" x14ac:dyDescent="0.2">
      <c r="A25" s="56" t="s">
        <v>588</v>
      </c>
      <c r="B25" s="704">
        <v>150643763.58000001</v>
      </c>
      <c r="C25" s="705"/>
      <c r="D25" s="704">
        <v>150643763.58000001</v>
      </c>
      <c r="E25" s="705"/>
      <c r="F25" s="704">
        <v>61504753.890000001</v>
      </c>
      <c r="G25" s="752"/>
      <c r="H25" s="752"/>
    </row>
    <row r="26" spans="1:8" ht="11.25" customHeight="1" x14ac:dyDescent="0.2">
      <c r="A26" s="56" t="s">
        <v>182</v>
      </c>
      <c r="B26" s="704">
        <v>2843659400</v>
      </c>
      <c r="C26" s="705"/>
      <c r="D26" s="704">
        <v>1824534567.73</v>
      </c>
      <c r="E26" s="705"/>
      <c r="F26" s="704">
        <v>1556751737.54</v>
      </c>
      <c r="G26" s="752"/>
      <c r="H26" s="752"/>
    </row>
    <row r="27" spans="1:8" ht="11.25" customHeight="1" x14ac:dyDescent="0.2">
      <c r="A27" s="63" t="s">
        <v>797</v>
      </c>
      <c r="B27" s="704">
        <v>931280000</v>
      </c>
      <c r="C27" s="705"/>
      <c r="D27" s="704">
        <v>558503750.32999992</v>
      </c>
      <c r="E27" s="705"/>
      <c r="F27" s="704">
        <v>562355846.36000001</v>
      </c>
      <c r="G27" s="752"/>
      <c r="H27" s="752"/>
    </row>
    <row r="28" spans="1:8" ht="11.25" customHeight="1" x14ac:dyDescent="0.2">
      <c r="A28" s="56" t="s">
        <v>589</v>
      </c>
      <c r="B28" s="704">
        <v>163651700</v>
      </c>
      <c r="C28" s="705"/>
      <c r="D28" s="704">
        <v>14166773.890000001</v>
      </c>
      <c r="E28" s="705"/>
      <c r="F28" s="704">
        <v>14139678.34</v>
      </c>
      <c r="G28" s="752"/>
      <c r="H28" s="752"/>
    </row>
    <row r="29" spans="1:8" ht="11.25" customHeight="1" x14ac:dyDescent="0.2">
      <c r="A29" s="56" t="s">
        <v>590</v>
      </c>
      <c r="B29" s="704">
        <v>1748727700</v>
      </c>
      <c r="C29" s="705"/>
      <c r="D29" s="704">
        <v>1251864043.5100002</v>
      </c>
      <c r="E29" s="705"/>
      <c r="F29" s="704">
        <v>980256212.84000003</v>
      </c>
      <c r="G29" s="752"/>
      <c r="H29" s="752"/>
    </row>
    <row r="30" spans="1:8" ht="11.25" customHeight="1" x14ac:dyDescent="0.2">
      <c r="A30" s="56" t="s">
        <v>591</v>
      </c>
      <c r="B30" s="704">
        <v>999531827.25999999</v>
      </c>
      <c r="C30" s="705"/>
      <c r="D30" s="704">
        <v>706528743.71000004</v>
      </c>
      <c r="E30" s="705"/>
      <c r="F30" s="704">
        <v>571623235.46000004</v>
      </c>
      <c r="G30" s="752"/>
      <c r="H30" s="752"/>
    </row>
    <row r="31" spans="1:8" ht="11.25" customHeight="1" x14ac:dyDescent="0.2">
      <c r="A31" s="56" t="s">
        <v>592</v>
      </c>
      <c r="B31" s="704">
        <v>18075800</v>
      </c>
      <c r="C31" s="705"/>
      <c r="D31" s="704">
        <v>7859830.0199999996</v>
      </c>
      <c r="E31" s="705"/>
      <c r="F31" s="704">
        <v>8368162.25</v>
      </c>
      <c r="G31" s="752"/>
      <c r="H31" s="752"/>
    </row>
    <row r="32" spans="1:8" ht="11.25" customHeight="1" x14ac:dyDescent="0.2">
      <c r="A32" s="56" t="s">
        <v>593</v>
      </c>
      <c r="B32" s="704">
        <v>981456027.25999999</v>
      </c>
      <c r="C32" s="705"/>
      <c r="D32" s="704">
        <v>698668913.69000006</v>
      </c>
      <c r="E32" s="705"/>
      <c r="F32" s="704">
        <v>563255073.21000004</v>
      </c>
      <c r="G32" s="752"/>
      <c r="H32" s="752"/>
    </row>
    <row r="33" spans="1:8" s="215" customFormat="1" ht="11.25" customHeight="1" x14ac:dyDescent="0.2">
      <c r="A33" s="62" t="s">
        <v>594</v>
      </c>
      <c r="B33" s="716">
        <v>916991982.23000002</v>
      </c>
      <c r="C33" s="717"/>
      <c r="D33" s="716">
        <v>411463805.94999999</v>
      </c>
      <c r="E33" s="717"/>
      <c r="F33" s="716">
        <v>363520979.09999996</v>
      </c>
      <c r="G33" s="741"/>
      <c r="H33" s="741"/>
    </row>
    <row r="34" spans="1:8" ht="11.25" customHeight="1" x14ac:dyDescent="0.2">
      <c r="A34" s="56" t="s">
        <v>595</v>
      </c>
      <c r="B34" s="704">
        <v>24201766.5</v>
      </c>
      <c r="C34" s="705"/>
      <c r="D34" s="704">
        <v>11097766.5</v>
      </c>
      <c r="E34" s="705"/>
      <c r="F34" s="704">
        <v>18973571.649999999</v>
      </c>
      <c r="G34" s="752"/>
      <c r="H34" s="752"/>
    </row>
    <row r="35" spans="1:8" ht="11.25" customHeight="1" x14ac:dyDescent="0.2">
      <c r="A35" s="56" t="s">
        <v>596</v>
      </c>
      <c r="B35" s="704">
        <v>2864315.73</v>
      </c>
      <c r="C35" s="705"/>
      <c r="D35" s="704">
        <v>2864315.73</v>
      </c>
      <c r="E35" s="705"/>
      <c r="F35" s="704">
        <v>1607162</v>
      </c>
      <c r="G35" s="752"/>
      <c r="H35" s="752"/>
    </row>
    <row r="36" spans="1:8" s="215" customFormat="1" ht="11.25" customHeight="1" x14ac:dyDescent="0.2">
      <c r="A36" s="56" t="s">
        <v>852</v>
      </c>
      <c r="B36" s="704">
        <v>8513000</v>
      </c>
      <c r="C36" s="705"/>
      <c r="D36" s="704">
        <v>649914.88</v>
      </c>
      <c r="E36" s="705"/>
      <c r="F36" s="704">
        <v>664773.55000000005</v>
      </c>
      <c r="G36" s="752"/>
      <c r="H36" s="752"/>
    </row>
    <row r="37" spans="1:8" ht="11.25" customHeight="1" x14ac:dyDescent="0.2">
      <c r="A37" s="56" t="s">
        <v>597</v>
      </c>
      <c r="B37" s="704">
        <v>881412900</v>
      </c>
      <c r="C37" s="705"/>
      <c r="D37" s="704">
        <v>396851808.83999997</v>
      </c>
      <c r="E37" s="705"/>
      <c r="F37" s="704">
        <v>342275471.89999998</v>
      </c>
      <c r="G37" s="752"/>
      <c r="H37" s="752"/>
    </row>
    <row r="38" spans="1:8" ht="11.25" customHeight="1" x14ac:dyDescent="0.2">
      <c r="A38" s="56" t="s">
        <v>589</v>
      </c>
      <c r="B38" s="704">
        <v>313151800</v>
      </c>
      <c r="C38" s="705"/>
      <c r="D38" s="704">
        <v>47272291.460000001</v>
      </c>
      <c r="E38" s="705"/>
      <c r="F38" s="704">
        <v>35783119.579999998</v>
      </c>
      <c r="G38" s="752"/>
      <c r="H38" s="752"/>
    </row>
    <row r="39" spans="1:8" ht="11.25" customHeight="1" x14ac:dyDescent="0.2">
      <c r="A39" s="56" t="s">
        <v>598</v>
      </c>
      <c r="B39" s="704">
        <v>568261100</v>
      </c>
      <c r="C39" s="705"/>
      <c r="D39" s="704">
        <v>349579517.38</v>
      </c>
      <c r="E39" s="705"/>
      <c r="F39" s="704">
        <v>306492352.31999999</v>
      </c>
      <c r="G39" s="752"/>
      <c r="H39" s="752"/>
    </row>
    <row r="40" spans="1:8" ht="11.25" customHeight="1" x14ac:dyDescent="0.2">
      <c r="A40" s="56" t="s">
        <v>203</v>
      </c>
      <c r="B40" s="704">
        <v>0</v>
      </c>
      <c r="C40" s="705"/>
      <c r="D40" s="704">
        <v>0</v>
      </c>
      <c r="E40" s="705"/>
      <c r="F40" s="704">
        <v>0</v>
      </c>
      <c r="G40" s="752"/>
      <c r="H40" s="752"/>
    </row>
    <row r="41" spans="1:8" s="215" customFormat="1" ht="11.25" customHeight="1" x14ac:dyDescent="0.2">
      <c r="A41" s="62" t="s">
        <v>599</v>
      </c>
      <c r="B41" s="708">
        <v>881412900</v>
      </c>
      <c r="C41" s="709"/>
      <c r="D41" s="708">
        <v>396851808.83999997</v>
      </c>
      <c r="E41" s="709"/>
      <c r="F41" s="708">
        <v>342275471.89999998</v>
      </c>
      <c r="G41" s="754"/>
      <c r="H41" s="754"/>
    </row>
    <row r="42" spans="1:8" s="215" customFormat="1" ht="15" customHeight="1" x14ac:dyDescent="0.2">
      <c r="A42" s="227" t="s">
        <v>600</v>
      </c>
      <c r="B42" s="749">
        <v>14066637260.620001</v>
      </c>
      <c r="C42" s="757"/>
      <c r="D42" s="749">
        <v>7409725949.6300001</v>
      </c>
      <c r="E42" s="757"/>
      <c r="F42" s="749">
        <v>8044227492.1500006</v>
      </c>
      <c r="G42" s="750"/>
      <c r="H42" s="750"/>
    </row>
    <row r="43" spans="1:8" ht="5.0999999999999996" customHeight="1" x14ac:dyDescent="0.2">
      <c r="A43" s="64"/>
      <c r="B43" s="440"/>
      <c r="C43" s="221"/>
      <c r="D43" s="221"/>
    </row>
    <row r="44" spans="1:8" s="215" customFormat="1" ht="30.75" customHeight="1" x14ac:dyDescent="0.2">
      <c r="A44" s="744" t="s">
        <v>601</v>
      </c>
      <c r="B44" s="211" t="s">
        <v>157</v>
      </c>
      <c r="C44" s="795" t="s">
        <v>158</v>
      </c>
      <c r="D44" s="796"/>
      <c r="E44" s="795" t="s">
        <v>159</v>
      </c>
      <c r="F44" s="796"/>
      <c r="G44" s="793" t="s">
        <v>347</v>
      </c>
      <c r="H44" s="797"/>
    </row>
    <row r="45" spans="1:8" s="215" customFormat="1" ht="11.25" customHeight="1" x14ac:dyDescent="0.2">
      <c r="A45" s="745"/>
      <c r="B45" s="756" t="s">
        <v>112</v>
      </c>
      <c r="C45" s="212" t="s">
        <v>115</v>
      </c>
      <c r="D45" s="212" t="s">
        <v>115</v>
      </c>
      <c r="E45" s="212" t="s">
        <v>115</v>
      </c>
      <c r="F45" s="212" t="s">
        <v>115</v>
      </c>
      <c r="G45" s="793" t="s">
        <v>871</v>
      </c>
      <c r="H45" s="793" t="s">
        <v>872</v>
      </c>
    </row>
    <row r="46" spans="1:8" s="215" customFormat="1" ht="17.25" customHeight="1" x14ac:dyDescent="0.2">
      <c r="A46" s="746"/>
      <c r="B46" s="862"/>
      <c r="C46" s="217">
        <v>2016</v>
      </c>
      <c r="D46" s="219">
        <v>2015</v>
      </c>
      <c r="E46" s="623">
        <v>2016</v>
      </c>
      <c r="F46" s="624">
        <v>2015</v>
      </c>
      <c r="G46" s="794"/>
      <c r="H46" s="794"/>
    </row>
    <row r="47" spans="1:8" s="215" customFormat="1" ht="11.25" customHeight="1" x14ac:dyDescent="0.2">
      <c r="A47" s="62" t="s">
        <v>602</v>
      </c>
      <c r="B47" s="321">
        <v>12599697196.34</v>
      </c>
      <c r="C47" s="321">
        <v>9933750600.7700005</v>
      </c>
      <c r="D47" s="321">
        <v>9486664905.2299995</v>
      </c>
      <c r="E47" s="321">
        <v>7021755218.4599991</v>
      </c>
      <c r="F47" s="480">
        <v>7594604022.039999</v>
      </c>
      <c r="G47" s="528"/>
      <c r="H47" s="529"/>
    </row>
    <row r="48" spans="1:8" ht="11.25" customHeight="1" x14ac:dyDescent="0.2">
      <c r="A48" s="56" t="s">
        <v>206</v>
      </c>
      <c r="B48" s="530">
        <v>8054389146</v>
      </c>
      <c r="C48" s="530">
        <v>6909382209.0499992</v>
      </c>
      <c r="D48" s="665">
        <v>5260829376.3900003</v>
      </c>
      <c r="E48" s="530">
        <v>4930874428.1399994</v>
      </c>
      <c r="F48" s="532">
        <v>4524473654.8699999</v>
      </c>
      <c r="G48" s="533"/>
      <c r="H48" s="490"/>
    </row>
    <row r="49" spans="1:8" ht="11.25" customHeight="1" x14ac:dyDescent="0.2">
      <c r="A49" s="56" t="s">
        <v>603</v>
      </c>
      <c r="B49" s="530">
        <v>272068679</v>
      </c>
      <c r="C49" s="530">
        <v>146483534.59</v>
      </c>
      <c r="D49" s="531">
        <v>263578680.90000001</v>
      </c>
      <c r="E49" s="530">
        <v>106417538.38</v>
      </c>
      <c r="F49" s="532">
        <v>161038150.19</v>
      </c>
      <c r="G49" s="530"/>
      <c r="H49" s="490"/>
    </row>
    <row r="50" spans="1:8" ht="11.25" customHeight="1" x14ac:dyDescent="0.2">
      <c r="A50" s="56" t="s">
        <v>207</v>
      </c>
      <c r="B50" s="530">
        <v>4273239371.3399997</v>
      </c>
      <c r="C50" s="530">
        <v>2877884857.1300001</v>
      </c>
      <c r="D50" s="531">
        <v>3962256847.9400001</v>
      </c>
      <c r="E50" s="530">
        <v>1984463251.9400001</v>
      </c>
      <c r="F50" s="532">
        <v>2909092216.98</v>
      </c>
      <c r="G50" s="530"/>
      <c r="H50" s="490"/>
    </row>
    <row r="51" spans="1:8" ht="11.25" customHeight="1" x14ac:dyDescent="0.2">
      <c r="A51" s="115" t="s">
        <v>855</v>
      </c>
      <c r="B51" s="530">
        <v>581309383</v>
      </c>
      <c r="C51" s="530">
        <v>141591166.88999999</v>
      </c>
      <c r="D51" s="531">
        <v>1958993200</v>
      </c>
      <c r="E51" s="530">
        <v>122287220.91</v>
      </c>
      <c r="F51" s="532">
        <v>1384511526.1300001</v>
      </c>
      <c r="G51" s="530"/>
      <c r="H51" s="490"/>
    </row>
    <row r="52" spans="1:8" ht="11.25" customHeight="1" x14ac:dyDescent="0.2">
      <c r="A52" s="115" t="s">
        <v>856</v>
      </c>
      <c r="B52" s="530">
        <v>3691929988.3399997</v>
      </c>
      <c r="C52" s="530">
        <v>2736293690.2400002</v>
      </c>
      <c r="D52" s="531">
        <v>2003263647.9400001</v>
      </c>
      <c r="E52" s="530">
        <v>1862176031.03</v>
      </c>
      <c r="F52" s="532">
        <v>1524580690.8499999</v>
      </c>
      <c r="G52" s="530"/>
      <c r="H52" s="490"/>
    </row>
    <row r="53" spans="1:8" s="215" customFormat="1" ht="11.25" customHeight="1" x14ac:dyDescent="0.2">
      <c r="A53" s="62" t="s">
        <v>604</v>
      </c>
      <c r="B53" s="321">
        <v>12327628517.34</v>
      </c>
      <c r="C53" s="321">
        <v>9787267066.1800003</v>
      </c>
      <c r="D53" s="321">
        <v>9223086224.3299999</v>
      </c>
      <c r="E53" s="321">
        <v>6915337680.079999</v>
      </c>
      <c r="F53" s="534">
        <v>7433565871.8499994</v>
      </c>
      <c r="G53" s="535"/>
      <c r="H53" s="536"/>
    </row>
    <row r="54" spans="1:8" s="215" customFormat="1" ht="11.25" customHeight="1" x14ac:dyDescent="0.2">
      <c r="A54" s="44" t="s">
        <v>605</v>
      </c>
      <c r="B54" s="321">
        <v>2463654023.6599998</v>
      </c>
      <c r="C54" s="321">
        <v>1375592816.8899999</v>
      </c>
      <c r="D54" s="321">
        <v>1324144170.47</v>
      </c>
      <c r="E54" s="321">
        <v>753365761.69999993</v>
      </c>
      <c r="F54" s="480">
        <v>790590277.35000002</v>
      </c>
      <c r="G54" s="321"/>
      <c r="H54" s="536"/>
    </row>
    <row r="55" spans="1:8" ht="11.25" customHeight="1" x14ac:dyDescent="0.2">
      <c r="A55" s="56" t="s">
        <v>575</v>
      </c>
      <c r="B55" s="530">
        <v>1757981602.6600001</v>
      </c>
      <c r="C55" s="530">
        <v>953079655.03999996</v>
      </c>
      <c r="D55" s="532">
        <v>660574964.25999999</v>
      </c>
      <c r="E55" s="530">
        <v>454395837.51999998</v>
      </c>
      <c r="F55" s="532">
        <v>284382537.93000001</v>
      </c>
      <c r="G55" s="530"/>
      <c r="H55" s="490"/>
    </row>
    <row r="56" spans="1:8" ht="11.25" customHeight="1" x14ac:dyDescent="0.2">
      <c r="A56" s="56" t="s">
        <v>241</v>
      </c>
      <c r="B56" s="530">
        <v>7436000</v>
      </c>
      <c r="C56" s="530">
        <v>386699.4</v>
      </c>
      <c r="D56" s="530">
        <v>467980.86</v>
      </c>
      <c r="E56" s="530">
        <v>386699.4</v>
      </c>
      <c r="F56" s="532">
        <v>403376.49</v>
      </c>
      <c r="G56" s="530"/>
      <c r="H56" s="490"/>
    </row>
    <row r="57" spans="1:8" ht="11.25" customHeight="1" x14ac:dyDescent="0.2">
      <c r="A57" s="56" t="s">
        <v>606</v>
      </c>
      <c r="B57" s="530">
        <v>1844900</v>
      </c>
      <c r="C57" s="530">
        <v>386699.4</v>
      </c>
      <c r="D57" s="532">
        <v>467850.1</v>
      </c>
      <c r="E57" s="530">
        <v>386699.4</v>
      </c>
      <c r="F57" s="532">
        <v>403245.73</v>
      </c>
      <c r="G57" s="530"/>
      <c r="H57" s="490"/>
    </row>
    <row r="58" spans="1:8" ht="11.25" customHeight="1" x14ac:dyDescent="0.2">
      <c r="A58" s="56" t="s">
        <v>607</v>
      </c>
      <c r="B58" s="530">
        <v>0</v>
      </c>
      <c r="C58" s="530">
        <v>0</v>
      </c>
      <c r="D58" s="532">
        <v>0</v>
      </c>
      <c r="E58" s="530">
        <v>0</v>
      </c>
      <c r="F58" s="532">
        <v>0</v>
      </c>
      <c r="G58" s="530"/>
      <c r="H58" s="490"/>
    </row>
    <row r="59" spans="1:8" ht="11.25" customHeight="1" x14ac:dyDescent="0.2">
      <c r="A59" s="56" t="s">
        <v>608</v>
      </c>
      <c r="B59" s="530">
        <v>5591100</v>
      </c>
      <c r="C59" s="530">
        <v>0</v>
      </c>
      <c r="D59" s="532">
        <v>130.76</v>
      </c>
      <c r="E59" s="530">
        <v>0</v>
      </c>
      <c r="F59" s="532">
        <v>130.76</v>
      </c>
      <c r="G59" s="530"/>
      <c r="H59" s="490"/>
    </row>
    <row r="60" spans="1:8" ht="11.25" customHeight="1" x14ac:dyDescent="0.2">
      <c r="A60" s="56" t="s">
        <v>609</v>
      </c>
      <c r="B60" s="530">
        <v>698236421</v>
      </c>
      <c r="C60" s="530">
        <v>422126462.44999999</v>
      </c>
      <c r="D60" s="532">
        <v>663101225.35000002</v>
      </c>
      <c r="E60" s="530">
        <v>298583224.77999997</v>
      </c>
      <c r="F60" s="532">
        <v>505804362.93000001</v>
      </c>
      <c r="G60" s="530"/>
      <c r="H60" s="490"/>
    </row>
    <row r="61" spans="1:8" s="215" customFormat="1" ht="11.25" customHeight="1" x14ac:dyDescent="0.2">
      <c r="A61" s="44" t="s">
        <v>610</v>
      </c>
      <c r="B61" s="321">
        <v>1763572702.6599998</v>
      </c>
      <c r="C61" s="321">
        <v>953079655.03999972</v>
      </c>
      <c r="D61" s="321">
        <v>660575095.0200001</v>
      </c>
      <c r="E61" s="321">
        <v>454395837.51999998</v>
      </c>
      <c r="F61" s="480">
        <v>284382668.69</v>
      </c>
      <c r="G61" s="321"/>
      <c r="H61" s="536"/>
    </row>
    <row r="62" spans="1:8" s="215" customFormat="1" ht="11.25" customHeight="1" x14ac:dyDescent="0.2">
      <c r="A62" s="44" t="s">
        <v>611</v>
      </c>
      <c r="B62" s="321">
        <v>128753000</v>
      </c>
      <c r="C62" s="321">
        <v>0</v>
      </c>
      <c r="D62" s="480">
        <v>0</v>
      </c>
      <c r="E62" s="321">
        <v>0</v>
      </c>
      <c r="F62" s="480">
        <v>0</v>
      </c>
      <c r="G62" s="321"/>
      <c r="H62" s="536"/>
    </row>
    <row r="63" spans="1:8" s="215" customFormat="1" ht="11.25" customHeight="1" x14ac:dyDescent="0.2">
      <c r="A63" s="44" t="s">
        <v>612</v>
      </c>
      <c r="B63" s="321">
        <v>0</v>
      </c>
      <c r="C63" s="321">
        <v>0</v>
      </c>
      <c r="D63" s="480">
        <v>0</v>
      </c>
      <c r="E63" s="321">
        <v>0</v>
      </c>
      <c r="F63" s="480">
        <v>0</v>
      </c>
      <c r="G63" s="321"/>
      <c r="H63" s="537"/>
    </row>
    <row r="64" spans="1:8" s="215" customFormat="1" ht="15" customHeight="1" x14ac:dyDescent="0.2">
      <c r="A64" s="117" t="s">
        <v>613</v>
      </c>
      <c r="B64" s="364">
        <v>14219954220</v>
      </c>
      <c r="C64" s="364">
        <v>10740346721.219999</v>
      </c>
      <c r="D64" s="364">
        <v>9883661319.3500004</v>
      </c>
      <c r="E64" s="364">
        <v>7369733517.5999985</v>
      </c>
      <c r="F64" s="477">
        <v>7717948540.539999</v>
      </c>
      <c r="G64" s="364">
        <v>0</v>
      </c>
      <c r="H64" s="366">
        <v>0</v>
      </c>
    </row>
    <row r="65" spans="1:8" ht="5.0999999999999996" customHeight="1" x14ac:dyDescent="0.2">
      <c r="A65" s="116"/>
      <c r="B65" s="538"/>
      <c r="C65" s="538"/>
      <c r="D65" s="538"/>
      <c r="E65" s="539"/>
      <c r="F65" s="490"/>
      <c r="G65" s="540"/>
      <c r="H65" s="490"/>
    </row>
    <row r="66" spans="1:8" s="215" customFormat="1" ht="15" customHeight="1" x14ac:dyDescent="0.2">
      <c r="A66" s="117" t="s">
        <v>614</v>
      </c>
      <c r="B66" s="479">
        <v>-153316959.37999916</v>
      </c>
      <c r="C66" s="479">
        <v>-3330620771.5899992</v>
      </c>
      <c r="D66" s="364">
        <v>-1839433827.1999998</v>
      </c>
      <c r="E66" s="479">
        <v>39992432.03000164</v>
      </c>
      <c r="F66" s="479">
        <v>326278951.61000156</v>
      </c>
      <c r="G66" s="479">
        <v>0</v>
      </c>
      <c r="H66" s="233"/>
    </row>
    <row r="67" spans="1:8" ht="5.0999999999999996" customHeight="1" x14ac:dyDescent="0.2">
      <c r="A67" s="116"/>
      <c r="B67" s="538"/>
      <c r="C67" s="538"/>
      <c r="D67" s="538"/>
      <c r="E67" s="539"/>
      <c r="F67" s="490"/>
      <c r="G67" s="539"/>
      <c r="H67" s="490"/>
    </row>
    <row r="68" spans="1:8" s="215" customFormat="1" ht="15" customHeight="1" x14ac:dyDescent="0.2">
      <c r="A68" s="117" t="s">
        <v>615</v>
      </c>
      <c r="B68" s="488"/>
      <c r="C68" s="488"/>
      <c r="D68" s="488"/>
      <c r="E68" s="233"/>
      <c r="F68" s="233"/>
      <c r="G68" s="233"/>
      <c r="H68" s="233"/>
    </row>
    <row r="69" spans="1:8" ht="5.0999999999999996" customHeight="1" x14ac:dyDescent="0.2">
      <c r="A69" s="56"/>
      <c r="B69" s="221"/>
      <c r="C69" s="221"/>
      <c r="D69" s="221"/>
    </row>
    <row r="70" spans="1:8" s="230" customFormat="1" ht="11.25" customHeight="1" x14ac:dyDescent="0.2">
      <c r="A70" s="865" t="s">
        <v>566</v>
      </c>
      <c r="B70" s="865"/>
      <c r="C70" s="865"/>
      <c r="D70" s="866"/>
      <c r="E70" s="779" t="s">
        <v>567</v>
      </c>
      <c r="F70" s="780"/>
      <c r="G70" s="780"/>
      <c r="H70" s="780"/>
    </row>
    <row r="71" spans="1:8" s="230" customFormat="1" ht="11.25" customHeight="1" x14ac:dyDescent="0.2">
      <c r="A71" s="867"/>
      <c r="B71" s="867"/>
      <c r="C71" s="867"/>
      <c r="D71" s="868"/>
      <c r="E71" s="805"/>
      <c r="F71" s="806"/>
      <c r="G71" s="806"/>
      <c r="H71" s="806"/>
    </row>
    <row r="72" spans="1:8" ht="15" customHeight="1" x14ac:dyDescent="0.2">
      <c r="A72" s="869" t="s">
        <v>616</v>
      </c>
      <c r="B72" s="869"/>
      <c r="C72" s="869"/>
      <c r="D72" s="870"/>
      <c r="E72" s="863">
        <v>849118000</v>
      </c>
      <c r="F72" s="864"/>
      <c r="G72" s="864"/>
      <c r="H72" s="864"/>
    </row>
    <row r="73" spans="1:8" ht="11.25" customHeight="1" x14ac:dyDescent="0.2">
      <c r="A73" s="45" t="s">
        <v>848</v>
      </c>
      <c r="B73" s="154"/>
      <c r="C73" s="154"/>
      <c r="D73" s="154"/>
      <c r="E73" s="154"/>
      <c r="F73" s="154"/>
      <c r="G73" s="154"/>
      <c r="H73" s="296"/>
    </row>
    <row r="74" spans="1:8" s="220" customFormat="1" ht="11.25" customHeight="1" x14ac:dyDescent="0.2">
      <c r="B74" s="454"/>
      <c r="C74" s="454"/>
      <c r="D74" s="454"/>
      <c r="E74" s="454"/>
      <c r="F74" s="454"/>
    </row>
    <row r="75" spans="1:8" s="393" customFormat="1" ht="11.25" customHeight="1" x14ac:dyDescent="0.2">
      <c r="C75" s="453"/>
      <c r="D75" s="453"/>
      <c r="E75" s="453"/>
      <c r="F75" s="453"/>
    </row>
    <row r="82" s="45" customFormat="1" ht="11.25" customHeight="1" x14ac:dyDescent="0.2"/>
    <row r="83" s="45" customFormat="1" ht="11.25" customHeight="1" x14ac:dyDescent="0.2"/>
    <row r="84" s="45" customFormat="1" ht="11.25" customHeight="1" x14ac:dyDescent="0.2"/>
    <row r="85" s="45" customFormat="1" ht="11.25" customHeight="1" x14ac:dyDescent="0.2"/>
    <row r="86" s="45" customFormat="1" ht="11.25" customHeight="1" x14ac:dyDescent="0.2"/>
    <row r="87" s="45" customFormat="1" ht="11.25" customHeight="1" x14ac:dyDescent="0.2"/>
    <row r="88" s="45" customFormat="1" ht="11.25" customHeight="1" x14ac:dyDescent="0.2"/>
  </sheetData>
  <customSheetViews>
    <customSheetView guid="{C779D862-DE28-46CD-A428-4AAA1056D1E1}" showPageBreaks="1" showGridLines="0" fitToPage="1" printArea="1" topLeftCell="B10">
      <selection activeCell="A7" sqref="A7:E7"/>
      <pageMargins left="0.19685039370078741" right="0.19685039370078741" top="0.39370078740157483" bottom="0.19685039370078741" header="0" footer="0"/>
      <printOptions horizontalCentered="1"/>
      <pageSetup paperSize="9" scale="52" orientation="portrait" r:id="rId1"/>
      <headerFooter alignWithMargins="0"/>
    </customSheetView>
    <customSheetView guid="{3AAF6A5F-F9AA-430B-9AD9-1261ECDF41B5}" showPageBreaks="1" showGridLines="0" fitToPage="1" printArea="1" topLeftCell="A4">
      <selection activeCell="B22" sqref="B22:C22"/>
      <pageMargins left="0.19685039370078741" right="0.19685039370078741" top="0.59055118110236227" bottom="0.19685039370078741" header="0" footer="0"/>
      <printOptions horizontalCentered="1"/>
      <pageSetup paperSize="9" scale="52" orientation="portrait" r:id="rId2"/>
      <headerFooter alignWithMargins="0"/>
    </customSheetView>
    <customSheetView guid="{25EF1E0D-169B-4051-B414-7E1196FC05E4}" showPageBreaks="1" showGridLines="0" fitToPage="1" printArea="1" topLeftCell="A3">
      <selection activeCell="D16" sqref="D16:E16"/>
      <pageMargins left="0.19685039370078741" right="0.19685039370078741" top="0.39370078740157483" bottom="0.19685039370078741" header="0" footer="0"/>
      <printOptions horizontalCentered="1"/>
      <pageSetup paperSize="9" scale="53" orientation="portrait" r:id="rId3"/>
      <headerFooter alignWithMargins="0"/>
    </customSheetView>
    <customSheetView guid="{82EDB5A4-4824-4632-A540-7A52C92F04C7}" scale="95" showPageBreaks="1" showGridLines="0" printArea="1" topLeftCell="A36">
      <selection activeCell="F60" sqref="F60"/>
      <pageMargins left="0.19685039370078741" right="0.19685039370078741" top="0.39370078740157483" bottom="0.19685039370078741" header="0" footer="0"/>
      <printOptions horizontalCentered="1"/>
      <pageSetup paperSize="9" scale="65" orientation="landscape" r:id="rId4"/>
      <headerFooter alignWithMargins="0"/>
    </customSheetView>
    <customSheetView guid="{15F968AB-9DD6-4E60-9FDC-FEF44C5FFDCB}" scale="96" showPageBreaks="1" showGridLines="0" fitToPage="1" printArea="1" hiddenColumns="1" topLeftCell="A76">
      <selection activeCell="D18" sqref="D18:E18"/>
      <pageMargins left="0.19685039370078741" right="0.19685039370078741" top="0.39370078740157483" bottom="0.19685039370078741" header="0" footer="0"/>
      <printOptions horizontalCentered="1"/>
      <pageSetup paperSize="9" scale="56" orientation="portrait" r:id="rId5"/>
      <headerFooter alignWithMargins="0">
        <oddFooter>&amp;A</oddFooter>
      </headerFooter>
    </customSheetView>
    <customSheetView guid="{D5976633-8ECB-4B00-B200-C7467CF5B10F}" scale="90" showGridLines="0" fitToPage="1" hiddenColumns="1" topLeftCell="A55">
      <selection activeCell="A73" sqref="A73"/>
      <pageMargins left="0.31496062992125984" right="0.27559055118110237" top="0.59055118110236227" bottom="0.39370078740157483" header="0" footer="0.19685039370078741"/>
      <printOptions horizontalCentered="1"/>
      <pageSetup paperSize="9" scale="64" orientation="portrait" r:id="rId6"/>
      <headerFooter alignWithMargins="0">
        <oddFooter>&amp;A</oddFooter>
      </headerFooter>
    </customSheetView>
    <customSheetView guid="{B4FED47C-EE37-4843-A570-282D4F8229D4}" showGridLines="0" fitToPage="1">
      <selection activeCell="A8" sqref="A8"/>
      <pageMargins left="0.19685039370078741" right="0.19685039370078741" top="0.59055118110236227" bottom="0.19685039370078741" header="0" footer="0"/>
      <printOptions horizontalCentered="1"/>
      <pageSetup paperSize="9" scale="52" orientation="portrait" r:id="rId7"/>
      <headerFooter alignWithMargins="0"/>
    </customSheetView>
    <customSheetView guid="{6DBFA32C-4AA4-4E1D-9A48-697377C64CC3}" showPageBreaks="1" showGridLines="0" fitToPage="1" printArea="1" topLeftCell="A13">
      <selection activeCell="F75" sqref="F75"/>
      <pageMargins left="0.19685039370078741" right="0.19685039370078741" top="0.59055118110236227" bottom="0.19685039370078741" header="0" footer="0"/>
      <printOptions horizontalCentered="1"/>
      <pageSetup paperSize="9" scale="53" orientation="portrait" r:id="rId8"/>
      <headerFooter alignWithMargins="0"/>
    </customSheetView>
    <customSheetView guid="{09DEEE52-8A8D-4F12-80E3-55185B30DF10}" showGridLines="0" fitToPage="1" topLeftCell="A7">
      <selection activeCell="D22" sqref="D22:E22"/>
      <pageMargins left="0.19685039370078741" right="0.19685039370078741" top="0.39370078740157483" bottom="0.19685039370078741" header="0" footer="0"/>
      <printOptions horizontalCentered="1"/>
      <pageSetup paperSize="9" scale="52" orientation="portrait" r:id="rId9"/>
      <headerFooter alignWithMargins="0"/>
    </customSheetView>
  </customSheetViews>
  <mergeCells count="113">
    <mergeCell ref="E72:H72"/>
    <mergeCell ref="A70:D71"/>
    <mergeCell ref="E70:H71"/>
    <mergeCell ref="G44:H44"/>
    <mergeCell ref="C44:D44"/>
    <mergeCell ref="A72:D72"/>
    <mergeCell ref="A6:H6"/>
    <mergeCell ref="G45:G46"/>
    <mergeCell ref="H45:H46"/>
    <mergeCell ref="B18:C18"/>
    <mergeCell ref="B19:C19"/>
    <mergeCell ref="B20:C20"/>
    <mergeCell ref="B21:C21"/>
    <mergeCell ref="B22:C22"/>
    <mergeCell ref="B23:C23"/>
    <mergeCell ref="B24:C24"/>
    <mergeCell ref="B25:C25"/>
    <mergeCell ref="B26:C26"/>
    <mergeCell ref="B27:C27"/>
    <mergeCell ref="B28:C28"/>
    <mergeCell ref="B29:C29"/>
    <mergeCell ref="B30:C30"/>
    <mergeCell ref="B31:C31"/>
    <mergeCell ref="B32:C32"/>
    <mergeCell ref="A4:H4"/>
    <mergeCell ref="A3:H3"/>
    <mergeCell ref="E44:F44"/>
    <mergeCell ref="D11:E11"/>
    <mergeCell ref="D12:E12"/>
    <mergeCell ref="F11:H11"/>
    <mergeCell ref="F12:H12"/>
    <mergeCell ref="B10:C12"/>
    <mergeCell ref="D10:H10"/>
    <mergeCell ref="A44:A46"/>
    <mergeCell ref="B45:B46"/>
    <mergeCell ref="B13:C13"/>
    <mergeCell ref="B14:C14"/>
    <mergeCell ref="B15:C15"/>
    <mergeCell ref="B16:C16"/>
    <mergeCell ref="B17:C17"/>
    <mergeCell ref="A10:A12"/>
    <mergeCell ref="A7:H7"/>
    <mergeCell ref="A5:H5"/>
    <mergeCell ref="B38:C38"/>
    <mergeCell ref="B39:C39"/>
    <mergeCell ref="B40:C40"/>
    <mergeCell ref="B41:C41"/>
    <mergeCell ref="B42:C42"/>
    <mergeCell ref="B33:C33"/>
    <mergeCell ref="B34:C34"/>
    <mergeCell ref="B35:C35"/>
    <mergeCell ref="B36:C36"/>
    <mergeCell ref="B37:C37"/>
    <mergeCell ref="D18:E18"/>
    <mergeCell ref="D19:E19"/>
    <mergeCell ref="D20:E20"/>
    <mergeCell ref="D21:E21"/>
    <mergeCell ref="D22:E22"/>
    <mergeCell ref="D32:E32"/>
    <mergeCell ref="D13:E13"/>
    <mergeCell ref="D14:E14"/>
    <mergeCell ref="D15:E15"/>
    <mergeCell ref="D16:E16"/>
    <mergeCell ref="D17:E17"/>
    <mergeCell ref="D28:E28"/>
    <mergeCell ref="D29:E29"/>
    <mergeCell ref="D30:E30"/>
    <mergeCell ref="D31:E31"/>
    <mergeCell ref="D23:E23"/>
    <mergeCell ref="D24:E24"/>
    <mergeCell ref="D25:E25"/>
    <mergeCell ref="D26:E26"/>
    <mergeCell ref="D27:E27"/>
    <mergeCell ref="D38:E38"/>
    <mergeCell ref="D39:E39"/>
    <mergeCell ref="D40:E40"/>
    <mergeCell ref="D41:E41"/>
    <mergeCell ref="D42:E42"/>
    <mergeCell ref="D33:E33"/>
    <mergeCell ref="D34:E34"/>
    <mergeCell ref="D35:E35"/>
    <mergeCell ref="D36:E36"/>
    <mergeCell ref="D37:E37"/>
    <mergeCell ref="F18:H18"/>
    <mergeCell ref="F19:H19"/>
    <mergeCell ref="F20:H20"/>
    <mergeCell ref="F21:H21"/>
    <mergeCell ref="F22:H22"/>
    <mergeCell ref="F13:H13"/>
    <mergeCell ref="F14:H14"/>
    <mergeCell ref="F15:H15"/>
    <mergeCell ref="F16:H16"/>
    <mergeCell ref="F17:H17"/>
    <mergeCell ref="F28:H28"/>
    <mergeCell ref="F29:H29"/>
    <mergeCell ref="F30:H30"/>
    <mergeCell ref="F31:H31"/>
    <mergeCell ref="F32:H32"/>
    <mergeCell ref="F23:H23"/>
    <mergeCell ref="F24:H24"/>
    <mergeCell ref="F25:H25"/>
    <mergeCell ref="F26:H26"/>
    <mergeCell ref="F27:H27"/>
    <mergeCell ref="F38:H38"/>
    <mergeCell ref="F39:H39"/>
    <mergeCell ref="F40:H40"/>
    <mergeCell ref="F41:H41"/>
    <mergeCell ref="F42:H42"/>
    <mergeCell ref="F33:H33"/>
    <mergeCell ref="F34:H34"/>
    <mergeCell ref="F35:H35"/>
    <mergeCell ref="F36:H36"/>
    <mergeCell ref="F37:H37"/>
  </mergeCells>
  <printOptions horizontalCentered="1"/>
  <pageMargins left="0.19685039370078741" right="0.19685039370078741" top="0.39370078740157483" bottom="0.19685039370078741" header="0" footer="0"/>
  <pageSetup paperSize="9" scale="52" orientation="portrait" r:id="rId10"/>
  <headerFooter alignWithMargins="0"/>
  <drawing r:id="rId1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Planilhas</vt:lpstr>
      </vt:variant>
      <vt:variant>
        <vt:i4>14</vt:i4>
      </vt:variant>
      <vt:variant>
        <vt:lpstr>Intervalos nomeados</vt:lpstr>
      </vt:variant>
      <vt:variant>
        <vt:i4>12</vt:i4>
      </vt:variant>
    </vt:vector>
  </HeadingPairs>
  <TitlesOfParts>
    <vt:vector size="26" baseType="lpstr">
      <vt:lpstr>Anexo 1 - Balanço Orçamentário</vt:lpstr>
      <vt:lpstr>Anexo 1.1 Balanço Orç Intra </vt:lpstr>
      <vt:lpstr>Anexo 2 - Função</vt:lpstr>
      <vt:lpstr>Anexo 2.1 - Função - Intra</vt:lpstr>
      <vt:lpstr>Anexo 3 - RCL Estados</vt:lpstr>
      <vt:lpstr>Anexo 4 - RPPS Financeiro FR 40</vt:lpstr>
      <vt:lpstr>Anexo 4 - RPPS Previdenciário47</vt:lpstr>
      <vt:lpstr>Anexo 5 - Resultado Nominal</vt:lpstr>
      <vt:lpstr>Anexo 6 - Primário Estados</vt:lpstr>
      <vt:lpstr>Anexo 7 - RP Poder e Órgão</vt:lpstr>
      <vt:lpstr>Anexo 8 - MDE - Estados</vt:lpstr>
      <vt:lpstr>Anexo 12 - Saúde (Estados)</vt:lpstr>
      <vt:lpstr>Anexo 13 - Despesas PPP</vt:lpstr>
      <vt:lpstr>Anexo 14 - Simplificado</vt:lpstr>
      <vt:lpstr>'Anexo 1 - Balanço Orçamentário'!Area_de_impressao</vt:lpstr>
      <vt:lpstr>'Anexo 12 - Saúde (Estados)'!Area_de_impressao</vt:lpstr>
      <vt:lpstr>'Anexo 13 - Despesas PPP'!Area_de_impressao</vt:lpstr>
      <vt:lpstr>'Anexo 14 - Simplificado'!Area_de_impressao</vt:lpstr>
      <vt:lpstr>'Anexo 2 - Função'!Area_de_impressao</vt:lpstr>
      <vt:lpstr>'Anexo 3 - RCL Estados'!Area_de_impressao</vt:lpstr>
      <vt:lpstr>'Anexo 4 - RPPS Financeiro FR 40'!Area_de_impressao</vt:lpstr>
      <vt:lpstr>'Anexo 4 - RPPS Previdenciário47'!Area_de_impressao</vt:lpstr>
      <vt:lpstr>'Anexo 5 - Resultado Nominal'!Area_de_impressao</vt:lpstr>
      <vt:lpstr>'Anexo 6 - Primário Estados'!Area_de_impressao</vt:lpstr>
      <vt:lpstr>'Anexo 7 - RP Poder e Órgão'!Area_de_impressao</vt:lpstr>
      <vt:lpstr>'Anexo 8 - MDE - Estados'!Area_de_impressao</vt:lpstr>
    </vt:vector>
  </TitlesOfParts>
  <Company>Ministério da Fazenda</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nexos RREO</dc:title>
  <dc:creator>GEINC/CCONT/STN</dc:creator>
  <cp:lastModifiedBy>CLÁUDIO JOSÉ DAINESE</cp:lastModifiedBy>
  <cp:lastPrinted>2016-09-29T14:26:40Z</cp:lastPrinted>
  <dcterms:created xsi:type="dcterms:W3CDTF">2004-08-09T19:29:24Z</dcterms:created>
  <dcterms:modified xsi:type="dcterms:W3CDTF">2016-09-30T13:51:45Z</dcterms:modified>
</cp:coreProperties>
</file>